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916" r:id="rId4"/>
  </p:sldMasterIdLst>
  <p:notesMasterIdLst>
    <p:notesMasterId r:id="rId27"/>
  </p:notesMasterIdLst>
  <p:handoutMasterIdLst>
    <p:handoutMasterId r:id="rId28"/>
  </p:handoutMasterIdLst>
  <p:sldIdLst>
    <p:sldId id="2134805097" r:id="rId5"/>
    <p:sldId id="2142532545" r:id="rId6"/>
    <p:sldId id="2142532543" r:id="rId7"/>
    <p:sldId id="2142532559" r:id="rId8"/>
    <p:sldId id="2142532547" r:id="rId9"/>
    <p:sldId id="2142532548" r:id="rId10"/>
    <p:sldId id="2142532551" r:id="rId11"/>
    <p:sldId id="2142532561" r:id="rId12"/>
    <p:sldId id="2142532560" r:id="rId13"/>
    <p:sldId id="2142532564" r:id="rId14"/>
    <p:sldId id="2142532563" r:id="rId15"/>
    <p:sldId id="2142532569" r:id="rId16"/>
    <p:sldId id="2142532570" r:id="rId17"/>
    <p:sldId id="2142532571" r:id="rId18"/>
    <p:sldId id="2142532572" r:id="rId19"/>
    <p:sldId id="2142532567" r:id="rId20"/>
    <p:sldId id="2142532573" r:id="rId21"/>
    <p:sldId id="2142532565" r:id="rId22"/>
    <p:sldId id="2142532566" r:id="rId23"/>
    <p:sldId id="2142532574" r:id="rId24"/>
    <p:sldId id="2142532575" r:id="rId25"/>
    <p:sldId id="2142532557" r:id="rId26"/>
  </p:sldIdLst>
  <p:sldSz cx="12188825" cy="6858000"/>
  <p:notesSz cx="6889750" cy="9671050"/>
  <p:defaultTextStyle>
    <a:defPPr>
      <a:defRPr lang="it-IT"/>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Slides Globales" id="{6B1DB3CC-EB5B-48CA-970F-606F09CC45F8}">
          <p14:sldIdLst>
            <p14:sldId id="2134805097"/>
            <p14:sldId id="2142532545"/>
            <p14:sldId id="2142532543"/>
            <p14:sldId id="2142532559"/>
            <p14:sldId id="2142532547"/>
            <p14:sldId id="2142532548"/>
            <p14:sldId id="2142532551"/>
            <p14:sldId id="2142532561"/>
            <p14:sldId id="2142532560"/>
            <p14:sldId id="2142532564"/>
            <p14:sldId id="2142532563"/>
            <p14:sldId id="2142532569"/>
            <p14:sldId id="2142532570"/>
            <p14:sldId id="2142532571"/>
            <p14:sldId id="2142532572"/>
            <p14:sldId id="2142532567"/>
            <p14:sldId id="2142532573"/>
            <p14:sldId id="2142532565"/>
            <p14:sldId id="2142532566"/>
            <p14:sldId id="2142532574"/>
            <p14:sldId id="2142532575"/>
            <p14:sldId id="2142532557"/>
          </p14:sldIdLst>
        </p14:section>
      </p14:sectionLst>
    </p:ext>
    <p:ext uri="{EFAFB233-063F-42B5-8137-9DF3F51BA10A}">
      <p15:sldGuideLst xmlns:p15="http://schemas.microsoft.com/office/powerpoint/2012/main">
        <p15:guide id="1" orient="horz" pos="3974" userDrawn="1">
          <p15:clr>
            <a:srgbClr val="A4A3A4"/>
          </p15:clr>
        </p15:guide>
        <p15:guide id="2" pos="3839">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54EFE"/>
    <a:srgbClr val="000000"/>
    <a:srgbClr val="3999C6"/>
    <a:srgbClr val="A8BEF6"/>
    <a:srgbClr val="59B4D9"/>
    <a:srgbClr val="FF5C35"/>
    <a:srgbClr val="1F4A6F"/>
    <a:srgbClr val="0046FE"/>
    <a:srgbClr val="BA6203"/>
    <a:srgbClr val="F2F2F2"/>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9E292070-13F2-48B9-93F8-C80B04C5DC77}" v="148" dt="2023-06-19T12:26:59.674"/>
    <p1510:client id="{AC3E8BC2-55D0-47C3-9242-786233963F26}" v="6" vWet="10" dt="2023-06-19T12:22:11.939"/>
  </p1510:revLst>
</p1510:revInfo>
</file>

<file path=ppt/tableStyles.xml><?xml version="1.0" encoding="utf-8"?>
<a:tblStyleLst xmlns:a="http://schemas.openxmlformats.org/drawingml/2006/main" def="{5C22544A-7EE6-4342-B048-85BDC9FD1C3A}">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105" d="100"/>
          <a:sy n="105" d="100"/>
        </p:scale>
        <p:origin x="798" y="96"/>
      </p:cViewPr>
      <p:guideLst>
        <p:guide orient="horz" pos="3974"/>
        <p:guide pos="3839"/>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 Type="http://schemas.openxmlformats.org/officeDocument/2006/relationships/customXml" Target="../customXml/item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microsoft.com/office/2015/10/relationships/revisionInfo" Target="revisionInfo.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presProps" Target="presProp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tableStyles" Target="tableStyle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handoutMaster" Target="handoutMasters/handoutMaster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notesMaster" Target="notesMasters/notesMaster1.xml"/><Relationship Id="rId30" Type="http://schemas.openxmlformats.org/officeDocument/2006/relationships/viewProps" Target="viewProps.xml"/><Relationship Id="rId8" Type="http://schemas.openxmlformats.org/officeDocument/2006/relationships/slide" Target="slides/slide4.xml"/></Relationships>
</file>

<file path=ppt/diagrams/colors1.xml><?xml version="1.0" encoding="utf-8"?>
<dgm:colorsDef xmlns:dgm="http://schemas.openxmlformats.org/drawingml/2006/diagram" xmlns:a="http://schemas.openxmlformats.org/drawingml/2006/main" uniqueId="urn:microsoft.com/office/officeart/2005/8/colors/accent1_3">
  <dgm:title val=""/>
  <dgm:desc val=""/>
  <dgm:catLst>
    <dgm:cat type="accent1" pri="11300"/>
  </dgm:catLst>
  <dgm:styleLbl name="node0">
    <dgm:fillClrLst meth="repeat">
      <a:schemeClr val="accent1">
        <a:shade val="80000"/>
      </a:schemeClr>
    </dgm:fillClrLst>
    <dgm:linClrLst meth="repeat">
      <a:schemeClr val="lt1"/>
    </dgm:linClrLst>
    <dgm:effectClrLst/>
    <dgm:txLinClrLst/>
    <dgm:txFillClrLst/>
    <dgm:txEffectClrLst/>
  </dgm:styleLbl>
  <dgm:styleLbl name="alignNode1">
    <dgm:fillClrLst>
      <a:schemeClr val="accent1">
        <a:shade val="80000"/>
      </a:schemeClr>
      <a:schemeClr val="accent1">
        <a:tint val="70000"/>
      </a:schemeClr>
    </dgm:fillClrLst>
    <dgm:linClrLst>
      <a:schemeClr val="accent1">
        <a:shade val="80000"/>
      </a:schemeClr>
      <a:schemeClr val="accent1">
        <a:tint val="70000"/>
      </a:schemeClr>
    </dgm:linClrLst>
    <dgm:effectClrLst/>
    <dgm:txLinClrLst/>
    <dgm:txFillClrLst/>
    <dgm:txEffectClrLst/>
  </dgm:styleLbl>
  <dgm:styleLbl name="node1">
    <dgm:fillClrLst>
      <a:schemeClr val="accent1">
        <a:shade val="80000"/>
      </a:schemeClr>
      <a:schemeClr val="accent1">
        <a:tint val="70000"/>
      </a:schemeClr>
    </dgm:fillClrLst>
    <dgm:linClrLst meth="repeat">
      <a:schemeClr val="lt1"/>
    </dgm:linClrLst>
    <dgm:effectClrLst/>
    <dgm:txLinClrLst/>
    <dgm:txFillClrLst/>
    <dgm:txEffectClrLst/>
  </dgm:styleLbl>
  <dgm:styleLbl name="lnNode1">
    <dgm:fillClrLst>
      <a:schemeClr val="accent1">
        <a:shade val="80000"/>
      </a:schemeClr>
      <a:schemeClr val="accent1">
        <a:tint val="70000"/>
      </a:schemeClr>
    </dgm:fillClrLst>
    <dgm:linClrLst meth="repeat">
      <a:schemeClr val="lt1"/>
    </dgm:linClrLst>
    <dgm:effectClrLst/>
    <dgm:txLinClrLst/>
    <dgm:txFillClrLst/>
    <dgm:txEffectClrLst/>
  </dgm:styleLbl>
  <dgm:styleLbl name="vennNode1">
    <dgm:fillClrLst>
      <a:schemeClr val="accent1">
        <a:shade val="80000"/>
        <a:alpha val="50000"/>
      </a:schemeClr>
      <a:schemeClr val="accent1">
        <a:tint val="70000"/>
        <a:alpha val="50000"/>
      </a:schemeClr>
    </dgm:fillClrLst>
    <dgm:linClrLst meth="repeat">
      <a:schemeClr val="lt1"/>
    </dgm:linClrLst>
    <dgm:effectClrLst/>
    <dgm:txLinClrLst/>
    <dgm:txFillClrLst/>
    <dgm:txEffectClrLst/>
  </dgm:styleLbl>
  <dgm:styleLbl name="node2">
    <dgm:fillClrLst>
      <a:schemeClr val="accent1">
        <a:tint val="99000"/>
      </a:schemeClr>
    </dgm:fillClrLst>
    <dgm:linClrLst meth="repeat">
      <a:schemeClr val="lt1"/>
    </dgm:linClrLst>
    <dgm:effectClrLst/>
    <dgm:txLinClrLst/>
    <dgm:txFillClrLst/>
    <dgm:txEffectClrLst/>
  </dgm:styleLbl>
  <dgm:styleLbl name="node3">
    <dgm:fillClrLst>
      <a:schemeClr val="accent1">
        <a:tint val="80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f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dgm:txEffectClrLst/>
  </dgm:styleLbl>
  <dgm:styleLbl name="f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b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sibTrans1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9000"/>
      </a:schemeClr>
    </dgm:fillClrLst>
    <dgm:linClrLst meth="repeat">
      <a:schemeClr val="lt1"/>
    </dgm:linClrLst>
    <dgm:effectClrLst/>
    <dgm:txLinClrLst/>
    <dgm:txFillClrLst/>
    <dgm:txEffectClrLst/>
  </dgm:styleLbl>
  <dgm:styleLbl name="asst3">
    <dgm:fillClrLst>
      <a:schemeClr val="accent1">
        <a:tint val="80000"/>
      </a:schemeClr>
    </dgm:fillClrLst>
    <dgm:linClrLst meth="repeat">
      <a:schemeClr val="lt1"/>
    </dgm:linClrLst>
    <dgm:effectClrLst/>
    <dgm:txLinClrLst/>
    <dgm:txFillClrLst/>
    <dgm:txEffectClrLst/>
  </dgm:styleLbl>
  <dgm:styleLbl name="asst4">
    <dgm:fillClrLst>
      <a:schemeClr val="accent1">
        <a:tint val="70000"/>
      </a:schemeClr>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lt1"/>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9000"/>
      </a:schemeClr>
    </dgm:fillClrLst>
    <dgm:linClrLst meth="repeat">
      <a:schemeClr val="accent1">
        <a:tint val="99000"/>
      </a:schemeClr>
    </dgm:linClrLst>
    <dgm:effectClrLst/>
    <dgm:txLinClrLst/>
    <dgm:txFillClrLst meth="repeat">
      <a:schemeClr val="tx1"/>
    </dgm:txFillClrLst>
    <dgm:txEffectClrLst/>
  </dgm:styleLbl>
  <dgm:styleLbl name="parChTrans1D3">
    <dgm:fillClrLst meth="repeat">
      <a:schemeClr val="accent1">
        <a:tint val="80000"/>
      </a:schemeClr>
    </dgm:fillClrLst>
    <dgm:linClrLst meth="repeat">
      <a:schemeClr val="accent1">
        <a:tint val="80000"/>
      </a:schemeClr>
    </dgm:linClrLst>
    <dgm:effectClrLst/>
    <dgm:txLinClrLst/>
    <dgm:txFillClrLst meth="repeat">
      <a:schemeClr val="tx1"/>
    </dgm:txFillClrLst>
    <dgm:txEffectClrLst/>
  </dgm:styleLbl>
  <dgm:styleLbl name="parChTrans1D4">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solidFgAcc1">
    <dgm:fillClrLst meth="repeat">
      <a:schemeClr val="lt1"/>
    </dgm:fillClrLst>
    <dgm:linClrLst>
      <a:schemeClr val="accent1">
        <a:shade val="80000"/>
      </a:schemeClr>
      <a:schemeClr val="accent1">
        <a:tint val="7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CC02B01D-87BF-4AEE-9C0C-0C9C84DE69D0}" type="doc">
      <dgm:prSet loTypeId="urn:microsoft.com/office/officeart/2005/8/layout/vList5" loCatId="list" qsTypeId="urn:microsoft.com/office/officeart/2005/8/quickstyle/simple1" qsCatId="simple" csTypeId="urn:microsoft.com/office/officeart/2005/8/colors/accent1_3" csCatId="accent1" phldr="1"/>
      <dgm:spPr/>
      <dgm:t>
        <a:bodyPr/>
        <a:lstStyle/>
        <a:p>
          <a:endParaRPr lang="it-IT"/>
        </a:p>
      </dgm:t>
    </dgm:pt>
    <dgm:pt modelId="{A2B50C83-EA54-48BF-8FC3-96B92D880CAC}">
      <dgm:prSet phldrT="[Testo]"/>
      <dgm:spPr/>
      <dgm:t>
        <a:bodyPr/>
        <a:lstStyle/>
        <a:p>
          <a:r>
            <a:rPr lang="it-IT"/>
            <a:t>Estrazione transazioni </a:t>
          </a:r>
          <a:endParaRPr lang="it-IT" dirty="0"/>
        </a:p>
      </dgm:t>
    </dgm:pt>
    <dgm:pt modelId="{DB10B15D-FEE4-493F-A302-35BAD97FC28B}" type="parTrans" cxnId="{AA0AB056-C70B-4E5B-A01C-2F8E8BD7AD22}">
      <dgm:prSet/>
      <dgm:spPr/>
      <dgm:t>
        <a:bodyPr/>
        <a:lstStyle/>
        <a:p>
          <a:endParaRPr lang="it-IT"/>
        </a:p>
      </dgm:t>
    </dgm:pt>
    <dgm:pt modelId="{DED95298-DFF9-48FE-9D53-B674B6AA8A2D}" type="sibTrans" cxnId="{AA0AB056-C70B-4E5B-A01C-2F8E8BD7AD22}">
      <dgm:prSet/>
      <dgm:spPr/>
      <dgm:t>
        <a:bodyPr/>
        <a:lstStyle/>
        <a:p>
          <a:endParaRPr lang="it-IT"/>
        </a:p>
      </dgm:t>
    </dgm:pt>
    <dgm:pt modelId="{8D7FE508-A607-491B-8616-0E6B4BFAA247}">
      <dgm:prSet phldrT="[Testo]"/>
      <dgm:spPr/>
      <dgm:t>
        <a:bodyPr/>
        <a:lstStyle/>
        <a:p>
          <a:pPr>
            <a:lnSpc>
              <a:spcPct val="150000"/>
            </a:lnSpc>
            <a:buFont typeface="Arial" panose="020B0604020202020204" pitchFamily="34" charset="0"/>
            <a:buChar char="•"/>
          </a:pPr>
          <a:r>
            <a:rPr lang="it-IT" dirty="0"/>
            <a:t>Ricavate le </a:t>
          </a:r>
          <a:r>
            <a:rPr lang="it-IT" b="1" dirty="0"/>
            <a:t>transazioni</a:t>
          </a:r>
          <a:r>
            <a:rPr lang="it-IT" dirty="0"/>
            <a:t> registrate a sistema nel periodo compreso tra il 1 gennaio 2020 e il 30 aprile 2023, assegnando ad ognuna un’attività di closing.</a:t>
          </a:r>
        </a:p>
      </dgm:t>
    </dgm:pt>
    <dgm:pt modelId="{2D67B658-DFD7-44C8-A81F-12947C0706F8}" type="parTrans" cxnId="{39F93475-0A6A-4BAF-B59D-E1925CF0E1EE}">
      <dgm:prSet/>
      <dgm:spPr/>
      <dgm:t>
        <a:bodyPr/>
        <a:lstStyle/>
        <a:p>
          <a:endParaRPr lang="it-IT"/>
        </a:p>
      </dgm:t>
    </dgm:pt>
    <dgm:pt modelId="{0647D996-DC94-4F5B-8B75-493C547D5B67}" type="sibTrans" cxnId="{39F93475-0A6A-4BAF-B59D-E1925CF0E1EE}">
      <dgm:prSet/>
      <dgm:spPr/>
      <dgm:t>
        <a:bodyPr/>
        <a:lstStyle/>
        <a:p>
          <a:endParaRPr lang="it-IT"/>
        </a:p>
      </dgm:t>
    </dgm:pt>
    <dgm:pt modelId="{C2BBA2B3-0158-4A1E-A9A8-5186D6B3B5C6}">
      <dgm:prSet phldrT="[Testo]"/>
      <dgm:spPr/>
      <dgm:t>
        <a:bodyPr/>
        <a:lstStyle/>
        <a:p>
          <a:r>
            <a:rPr lang="it-IT"/>
            <a:t>Aggregazione per settimana</a:t>
          </a:r>
          <a:endParaRPr lang="it-IT" dirty="0"/>
        </a:p>
      </dgm:t>
    </dgm:pt>
    <dgm:pt modelId="{88A96E3D-44AF-4CED-8689-6B5B6A6398E7}" type="parTrans" cxnId="{5510B2C6-31EF-463E-86A4-518BDE4BED8D}">
      <dgm:prSet/>
      <dgm:spPr/>
      <dgm:t>
        <a:bodyPr/>
        <a:lstStyle/>
        <a:p>
          <a:endParaRPr lang="it-IT"/>
        </a:p>
      </dgm:t>
    </dgm:pt>
    <dgm:pt modelId="{04BB31DC-B920-4C16-821E-55B3E00A145A}" type="sibTrans" cxnId="{5510B2C6-31EF-463E-86A4-518BDE4BED8D}">
      <dgm:prSet/>
      <dgm:spPr/>
      <dgm:t>
        <a:bodyPr/>
        <a:lstStyle/>
        <a:p>
          <a:endParaRPr lang="it-IT"/>
        </a:p>
      </dgm:t>
    </dgm:pt>
    <dgm:pt modelId="{FA53D579-61FE-475E-9D3C-E24B04CDA50D}">
      <dgm:prSet phldrT="[Testo]"/>
      <dgm:spPr/>
      <dgm:t>
        <a:bodyPr/>
        <a:lstStyle/>
        <a:p>
          <a:pPr algn="just">
            <a:lnSpc>
              <a:spcPct val="150000"/>
            </a:lnSpc>
          </a:pPr>
          <a:r>
            <a:rPr lang="it-IT" dirty="0"/>
            <a:t>Le transazioni sono state aggregate per </a:t>
          </a:r>
          <a:r>
            <a:rPr lang="it-IT" b="1" dirty="0"/>
            <a:t>settimana</a:t>
          </a:r>
          <a:r>
            <a:rPr lang="it-IT" dirty="0"/>
            <a:t>, mantenendo l’informazione sul numero di transazioni per ogni attività di closing. </a:t>
          </a:r>
        </a:p>
      </dgm:t>
    </dgm:pt>
    <dgm:pt modelId="{63032CE8-3609-4CFC-BA72-E4AC148CA51F}" type="parTrans" cxnId="{D25BE37A-4D5A-4DF3-A2F2-E10C90F2A903}">
      <dgm:prSet/>
      <dgm:spPr/>
      <dgm:t>
        <a:bodyPr/>
        <a:lstStyle/>
        <a:p>
          <a:endParaRPr lang="it-IT"/>
        </a:p>
      </dgm:t>
    </dgm:pt>
    <dgm:pt modelId="{6DDAD0AC-8A41-4654-8610-7AC9C5F10420}" type="sibTrans" cxnId="{D25BE37A-4D5A-4DF3-A2F2-E10C90F2A903}">
      <dgm:prSet/>
      <dgm:spPr/>
      <dgm:t>
        <a:bodyPr/>
        <a:lstStyle/>
        <a:p>
          <a:endParaRPr lang="it-IT"/>
        </a:p>
      </dgm:t>
    </dgm:pt>
    <dgm:pt modelId="{E23BBBB6-3E98-4810-9212-478351F893A4}">
      <dgm:prSet phldrT="[Testo]"/>
      <dgm:spPr/>
      <dgm:t>
        <a:bodyPr/>
        <a:lstStyle/>
        <a:p>
          <a:r>
            <a:rPr lang="it-IT"/>
            <a:t>Implementazione del modello</a:t>
          </a:r>
          <a:endParaRPr lang="it-IT" dirty="0"/>
        </a:p>
      </dgm:t>
    </dgm:pt>
    <dgm:pt modelId="{5DEB3CF9-B58F-41E7-9BA3-28EAE7DB0B1D}" type="parTrans" cxnId="{5DC2DAC2-F65E-44D6-80CA-C19F04364DB5}">
      <dgm:prSet/>
      <dgm:spPr/>
      <dgm:t>
        <a:bodyPr/>
        <a:lstStyle/>
        <a:p>
          <a:endParaRPr lang="it-IT"/>
        </a:p>
      </dgm:t>
    </dgm:pt>
    <dgm:pt modelId="{AD7B9C6F-B767-4A88-9179-54DF4EEFF650}" type="sibTrans" cxnId="{5DC2DAC2-F65E-44D6-80CA-C19F04364DB5}">
      <dgm:prSet/>
      <dgm:spPr/>
      <dgm:t>
        <a:bodyPr/>
        <a:lstStyle/>
        <a:p>
          <a:endParaRPr lang="it-IT"/>
        </a:p>
      </dgm:t>
    </dgm:pt>
    <dgm:pt modelId="{60C37DA4-753E-47B3-9164-62E4FE3406BD}">
      <dgm:prSet phldrT="[Testo]"/>
      <dgm:spPr/>
      <dgm:t>
        <a:bodyPr/>
        <a:lstStyle/>
        <a:p>
          <a:pPr algn="just">
            <a:lnSpc>
              <a:spcPct val="150000"/>
            </a:lnSpc>
          </a:pPr>
          <a:r>
            <a:rPr lang="it-IT" dirty="0"/>
            <a:t>Sviluppo di un modello di </a:t>
          </a:r>
          <a:r>
            <a:rPr lang="it-IT" b="1" dirty="0"/>
            <a:t>forecasting</a:t>
          </a:r>
          <a:r>
            <a:rPr lang="it-IT" dirty="0"/>
            <a:t> in grado di prevedere l’andamento del numero di transazioni delle 12 settimane successive.</a:t>
          </a:r>
        </a:p>
      </dgm:t>
    </dgm:pt>
    <dgm:pt modelId="{3114B95D-38FE-42A5-9153-71575170BADC}" type="parTrans" cxnId="{AD6ECFAE-E407-4626-9EA4-50AF17743EA8}">
      <dgm:prSet/>
      <dgm:spPr/>
      <dgm:t>
        <a:bodyPr/>
        <a:lstStyle/>
        <a:p>
          <a:endParaRPr lang="it-IT"/>
        </a:p>
      </dgm:t>
    </dgm:pt>
    <dgm:pt modelId="{004EB6D7-4D8E-4249-B253-9F00A85C50E7}" type="sibTrans" cxnId="{AD6ECFAE-E407-4626-9EA4-50AF17743EA8}">
      <dgm:prSet/>
      <dgm:spPr/>
      <dgm:t>
        <a:bodyPr/>
        <a:lstStyle/>
        <a:p>
          <a:endParaRPr lang="it-IT"/>
        </a:p>
      </dgm:t>
    </dgm:pt>
    <dgm:pt modelId="{F1F9611E-5EB7-48B7-AE87-21185CED4616}" type="pres">
      <dgm:prSet presAssocID="{CC02B01D-87BF-4AEE-9C0C-0C9C84DE69D0}" presName="Name0" presStyleCnt="0">
        <dgm:presLayoutVars>
          <dgm:dir/>
          <dgm:animLvl val="lvl"/>
          <dgm:resizeHandles val="exact"/>
        </dgm:presLayoutVars>
      </dgm:prSet>
      <dgm:spPr/>
    </dgm:pt>
    <dgm:pt modelId="{A3CD8A79-B63C-45C9-B406-1C1668729B66}" type="pres">
      <dgm:prSet presAssocID="{A2B50C83-EA54-48BF-8FC3-96B92D880CAC}" presName="linNode" presStyleCnt="0"/>
      <dgm:spPr/>
    </dgm:pt>
    <dgm:pt modelId="{E841FA18-5B64-4866-84FD-81C353929F99}" type="pres">
      <dgm:prSet presAssocID="{A2B50C83-EA54-48BF-8FC3-96B92D880CAC}" presName="parentText" presStyleLbl="node1" presStyleIdx="0" presStyleCnt="3">
        <dgm:presLayoutVars>
          <dgm:chMax val="1"/>
          <dgm:bulletEnabled val="1"/>
        </dgm:presLayoutVars>
      </dgm:prSet>
      <dgm:spPr/>
    </dgm:pt>
    <dgm:pt modelId="{14D23C6C-5A10-4BCE-BD9B-B457F7B160BA}" type="pres">
      <dgm:prSet presAssocID="{A2B50C83-EA54-48BF-8FC3-96B92D880CAC}" presName="descendantText" presStyleLbl="alignAccFollowNode1" presStyleIdx="0" presStyleCnt="3">
        <dgm:presLayoutVars>
          <dgm:bulletEnabled val="1"/>
        </dgm:presLayoutVars>
      </dgm:prSet>
      <dgm:spPr/>
    </dgm:pt>
    <dgm:pt modelId="{7ED6AF8F-7622-48AF-B06E-E4A2E864C0E2}" type="pres">
      <dgm:prSet presAssocID="{DED95298-DFF9-48FE-9D53-B674B6AA8A2D}" presName="sp" presStyleCnt="0"/>
      <dgm:spPr/>
    </dgm:pt>
    <dgm:pt modelId="{711967AA-04B7-4CE2-A955-FBCFD594144F}" type="pres">
      <dgm:prSet presAssocID="{C2BBA2B3-0158-4A1E-A9A8-5186D6B3B5C6}" presName="linNode" presStyleCnt="0"/>
      <dgm:spPr/>
    </dgm:pt>
    <dgm:pt modelId="{2ED562A6-5E24-4857-AFCD-67CEC97D68A4}" type="pres">
      <dgm:prSet presAssocID="{C2BBA2B3-0158-4A1E-A9A8-5186D6B3B5C6}" presName="parentText" presStyleLbl="node1" presStyleIdx="1" presStyleCnt="3">
        <dgm:presLayoutVars>
          <dgm:chMax val="1"/>
          <dgm:bulletEnabled val="1"/>
        </dgm:presLayoutVars>
      </dgm:prSet>
      <dgm:spPr/>
    </dgm:pt>
    <dgm:pt modelId="{F8989B09-DA2B-4E02-8371-BB9CE00DA8D2}" type="pres">
      <dgm:prSet presAssocID="{C2BBA2B3-0158-4A1E-A9A8-5186D6B3B5C6}" presName="descendantText" presStyleLbl="alignAccFollowNode1" presStyleIdx="1" presStyleCnt="3">
        <dgm:presLayoutVars>
          <dgm:bulletEnabled val="1"/>
        </dgm:presLayoutVars>
      </dgm:prSet>
      <dgm:spPr/>
    </dgm:pt>
    <dgm:pt modelId="{5C775322-862F-45B8-9A51-7BEC41F37E6F}" type="pres">
      <dgm:prSet presAssocID="{04BB31DC-B920-4C16-821E-55B3E00A145A}" presName="sp" presStyleCnt="0"/>
      <dgm:spPr/>
    </dgm:pt>
    <dgm:pt modelId="{A7B05D77-1F86-40FA-A198-3F8ADCF546CE}" type="pres">
      <dgm:prSet presAssocID="{E23BBBB6-3E98-4810-9212-478351F893A4}" presName="linNode" presStyleCnt="0"/>
      <dgm:spPr/>
    </dgm:pt>
    <dgm:pt modelId="{23CE3AC8-C8A9-449F-B357-2392EC5C8C77}" type="pres">
      <dgm:prSet presAssocID="{E23BBBB6-3E98-4810-9212-478351F893A4}" presName="parentText" presStyleLbl="node1" presStyleIdx="2" presStyleCnt="3">
        <dgm:presLayoutVars>
          <dgm:chMax val="1"/>
          <dgm:bulletEnabled val="1"/>
        </dgm:presLayoutVars>
      </dgm:prSet>
      <dgm:spPr/>
    </dgm:pt>
    <dgm:pt modelId="{CAD73DE8-F3BF-41AC-ADD5-B531E2A1E3DD}" type="pres">
      <dgm:prSet presAssocID="{E23BBBB6-3E98-4810-9212-478351F893A4}" presName="descendantText" presStyleLbl="alignAccFollowNode1" presStyleIdx="2" presStyleCnt="3">
        <dgm:presLayoutVars>
          <dgm:bulletEnabled val="1"/>
        </dgm:presLayoutVars>
      </dgm:prSet>
      <dgm:spPr/>
    </dgm:pt>
  </dgm:ptLst>
  <dgm:cxnLst>
    <dgm:cxn modelId="{DF11401F-0C90-495E-8173-9FABA8437360}" type="presOf" srcId="{C2BBA2B3-0158-4A1E-A9A8-5186D6B3B5C6}" destId="{2ED562A6-5E24-4857-AFCD-67CEC97D68A4}" srcOrd="0" destOrd="0" presId="urn:microsoft.com/office/officeart/2005/8/layout/vList5"/>
    <dgm:cxn modelId="{39F93475-0A6A-4BAF-B59D-E1925CF0E1EE}" srcId="{A2B50C83-EA54-48BF-8FC3-96B92D880CAC}" destId="{8D7FE508-A607-491B-8616-0E6B4BFAA247}" srcOrd="0" destOrd="0" parTransId="{2D67B658-DFD7-44C8-A81F-12947C0706F8}" sibTransId="{0647D996-DC94-4F5B-8B75-493C547D5B67}"/>
    <dgm:cxn modelId="{AA0AB056-C70B-4E5B-A01C-2F8E8BD7AD22}" srcId="{CC02B01D-87BF-4AEE-9C0C-0C9C84DE69D0}" destId="{A2B50C83-EA54-48BF-8FC3-96B92D880CAC}" srcOrd="0" destOrd="0" parTransId="{DB10B15D-FEE4-493F-A302-35BAD97FC28B}" sibTransId="{DED95298-DFF9-48FE-9D53-B674B6AA8A2D}"/>
    <dgm:cxn modelId="{D25BE37A-4D5A-4DF3-A2F2-E10C90F2A903}" srcId="{C2BBA2B3-0158-4A1E-A9A8-5186D6B3B5C6}" destId="{FA53D579-61FE-475E-9D3C-E24B04CDA50D}" srcOrd="0" destOrd="0" parTransId="{63032CE8-3609-4CFC-BA72-E4AC148CA51F}" sibTransId="{6DDAD0AC-8A41-4654-8610-7AC9C5F10420}"/>
    <dgm:cxn modelId="{95D6E97F-1FC0-467D-9B72-2D985ED1B501}" type="presOf" srcId="{A2B50C83-EA54-48BF-8FC3-96B92D880CAC}" destId="{E841FA18-5B64-4866-84FD-81C353929F99}" srcOrd="0" destOrd="0" presId="urn:microsoft.com/office/officeart/2005/8/layout/vList5"/>
    <dgm:cxn modelId="{E2A683A6-CE7C-4081-9E9F-3D1DBE53502F}" type="presOf" srcId="{FA53D579-61FE-475E-9D3C-E24B04CDA50D}" destId="{F8989B09-DA2B-4E02-8371-BB9CE00DA8D2}" srcOrd="0" destOrd="0" presId="urn:microsoft.com/office/officeart/2005/8/layout/vList5"/>
    <dgm:cxn modelId="{45E224AC-7645-4BDE-A721-36FEAFFD7CD1}" type="presOf" srcId="{60C37DA4-753E-47B3-9164-62E4FE3406BD}" destId="{CAD73DE8-F3BF-41AC-ADD5-B531E2A1E3DD}" srcOrd="0" destOrd="0" presId="urn:microsoft.com/office/officeart/2005/8/layout/vList5"/>
    <dgm:cxn modelId="{AD6ECFAE-E407-4626-9EA4-50AF17743EA8}" srcId="{E23BBBB6-3E98-4810-9212-478351F893A4}" destId="{60C37DA4-753E-47B3-9164-62E4FE3406BD}" srcOrd="0" destOrd="0" parTransId="{3114B95D-38FE-42A5-9153-71575170BADC}" sibTransId="{004EB6D7-4D8E-4249-B253-9F00A85C50E7}"/>
    <dgm:cxn modelId="{359D87AF-515E-4C25-A05D-3E195C9324E3}" type="presOf" srcId="{CC02B01D-87BF-4AEE-9C0C-0C9C84DE69D0}" destId="{F1F9611E-5EB7-48B7-AE87-21185CED4616}" srcOrd="0" destOrd="0" presId="urn:microsoft.com/office/officeart/2005/8/layout/vList5"/>
    <dgm:cxn modelId="{7167BCBB-C79A-4450-8B8C-69752B6F1A84}" type="presOf" srcId="{8D7FE508-A607-491B-8616-0E6B4BFAA247}" destId="{14D23C6C-5A10-4BCE-BD9B-B457F7B160BA}" srcOrd="0" destOrd="0" presId="urn:microsoft.com/office/officeart/2005/8/layout/vList5"/>
    <dgm:cxn modelId="{5DC2DAC2-F65E-44D6-80CA-C19F04364DB5}" srcId="{CC02B01D-87BF-4AEE-9C0C-0C9C84DE69D0}" destId="{E23BBBB6-3E98-4810-9212-478351F893A4}" srcOrd="2" destOrd="0" parTransId="{5DEB3CF9-B58F-41E7-9BA3-28EAE7DB0B1D}" sibTransId="{AD7B9C6F-B767-4A88-9179-54DF4EEFF650}"/>
    <dgm:cxn modelId="{5510B2C6-31EF-463E-86A4-518BDE4BED8D}" srcId="{CC02B01D-87BF-4AEE-9C0C-0C9C84DE69D0}" destId="{C2BBA2B3-0158-4A1E-A9A8-5186D6B3B5C6}" srcOrd="1" destOrd="0" parTransId="{88A96E3D-44AF-4CED-8689-6B5B6A6398E7}" sibTransId="{04BB31DC-B920-4C16-821E-55B3E00A145A}"/>
    <dgm:cxn modelId="{A1CEB2EA-F91D-4E0F-A958-B8E476A0AF4E}" type="presOf" srcId="{E23BBBB6-3E98-4810-9212-478351F893A4}" destId="{23CE3AC8-C8A9-449F-B357-2392EC5C8C77}" srcOrd="0" destOrd="0" presId="urn:microsoft.com/office/officeart/2005/8/layout/vList5"/>
    <dgm:cxn modelId="{BA2E630C-E187-4F94-A669-DDDCAB9F92BE}" type="presParOf" srcId="{F1F9611E-5EB7-48B7-AE87-21185CED4616}" destId="{A3CD8A79-B63C-45C9-B406-1C1668729B66}" srcOrd="0" destOrd="0" presId="urn:microsoft.com/office/officeart/2005/8/layout/vList5"/>
    <dgm:cxn modelId="{99F312FE-3C72-4875-BA71-EAD25B4A85C5}" type="presParOf" srcId="{A3CD8A79-B63C-45C9-B406-1C1668729B66}" destId="{E841FA18-5B64-4866-84FD-81C353929F99}" srcOrd="0" destOrd="0" presId="urn:microsoft.com/office/officeart/2005/8/layout/vList5"/>
    <dgm:cxn modelId="{687FD987-394D-427E-AFCD-20D6057E7730}" type="presParOf" srcId="{A3CD8A79-B63C-45C9-B406-1C1668729B66}" destId="{14D23C6C-5A10-4BCE-BD9B-B457F7B160BA}" srcOrd="1" destOrd="0" presId="urn:microsoft.com/office/officeart/2005/8/layout/vList5"/>
    <dgm:cxn modelId="{996CD958-5414-4CBF-BDA3-2C7D93E4184F}" type="presParOf" srcId="{F1F9611E-5EB7-48B7-AE87-21185CED4616}" destId="{7ED6AF8F-7622-48AF-B06E-E4A2E864C0E2}" srcOrd="1" destOrd="0" presId="urn:microsoft.com/office/officeart/2005/8/layout/vList5"/>
    <dgm:cxn modelId="{41F9638E-122D-4EC9-A703-6219C6BDDEBC}" type="presParOf" srcId="{F1F9611E-5EB7-48B7-AE87-21185CED4616}" destId="{711967AA-04B7-4CE2-A955-FBCFD594144F}" srcOrd="2" destOrd="0" presId="urn:microsoft.com/office/officeart/2005/8/layout/vList5"/>
    <dgm:cxn modelId="{DDE71A43-D645-4BBD-ACF8-8E5697CE5641}" type="presParOf" srcId="{711967AA-04B7-4CE2-A955-FBCFD594144F}" destId="{2ED562A6-5E24-4857-AFCD-67CEC97D68A4}" srcOrd="0" destOrd="0" presId="urn:microsoft.com/office/officeart/2005/8/layout/vList5"/>
    <dgm:cxn modelId="{B961049B-8728-496C-A006-5E851D820C2D}" type="presParOf" srcId="{711967AA-04B7-4CE2-A955-FBCFD594144F}" destId="{F8989B09-DA2B-4E02-8371-BB9CE00DA8D2}" srcOrd="1" destOrd="0" presId="urn:microsoft.com/office/officeart/2005/8/layout/vList5"/>
    <dgm:cxn modelId="{0A09600E-88B2-4299-898A-5F1198A33FE8}" type="presParOf" srcId="{F1F9611E-5EB7-48B7-AE87-21185CED4616}" destId="{5C775322-862F-45B8-9A51-7BEC41F37E6F}" srcOrd="3" destOrd="0" presId="urn:microsoft.com/office/officeart/2005/8/layout/vList5"/>
    <dgm:cxn modelId="{61128743-7F9A-43C6-80E7-B26D7452B597}" type="presParOf" srcId="{F1F9611E-5EB7-48B7-AE87-21185CED4616}" destId="{A7B05D77-1F86-40FA-A198-3F8ADCF546CE}" srcOrd="4" destOrd="0" presId="urn:microsoft.com/office/officeart/2005/8/layout/vList5"/>
    <dgm:cxn modelId="{670A004B-E621-4B6C-AB90-C8015028CD08}" type="presParOf" srcId="{A7B05D77-1F86-40FA-A198-3F8ADCF546CE}" destId="{23CE3AC8-C8A9-449F-B357-2392EC5C8C77}" srcOrd="0" destOrd="0" presId="urn:microsoft.com/office/officeart/2005/8/layout/vList5"/>
    <dgm:cxn modelId="{661276A3-BD5B-457E-8046-92499C91844D}" type="presParOf" srcId="{A7B05D77-1F86-40FA-A198-3F8ADCF546CE}" destId="{CAD73DE8-F3BF-41AC-ADD5-B531E2A1E3DD}" srcOrd="1" destOrd="0" presId="urn:microsoft.com/office/officeart/2005/8/layout/vList5"/>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4D23C6C-5A10-4BCE-BD9B-B457F7B160BA}">
      <dsp:nvSpPr>
        <dsp:cNvPr id="0" name=""/>
        <dsp:cNvSpPr/>
      </dsp:nvSpPr>
      <dsp:spPr>
        <a:xfrm rot="5400000">
          <a:off x="3508308" y="-1202548"/>
          <a:ext cx="1145099" cy="3840808"/>
        </a:xfrm>
        <a:prstGeom prst="round2SameRect">
          <a:avLst/>
        </a:prstGeom>
        <a:solidFill>
          <a:schemeClr val="accent1">
            <a:alpha val="90000"/>
            <a:tint val="40000"/>
            <a:hueOff val="0"/>
            <a:satOff val="0"/>
            <a:lumOff val="0"/>
            <a:alphaOff val="0"/>
          </a:schemeClr>
        </a:solidFill>
        <a:ln w="12700" cap="flat" cmpd="sng" algn="ctr">
          <a:solidFill>
            <a:schemeClr val="accent1">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9530" tIns="24765" rIns="49530" bIns="24765" numCol="1" spcCol="1270" anchor="ctr" anchorCtr="0">
          <a:noAutofit/>
        </a:bodyPr>
        <a:lstStyle/>
        <a:p>
          <a:pPr marL="114300" lvl="1" indent="-114300" algn="l" defTabSz="577850">
            <a:lnSpc>
              <a:spcPct val="150000"/>
            </a:lnSpc>
            <a:spcBef>
              <a:spcPct val="0"/>
            </a:spcBef>
            <a:spcAft>
              <a:spcPct val="15000"/>
            </a:spcAft>
            <a:buFont typeface="Arial" panose="020B0604020202020204" pitchFamily="34" charset="0"/>
            <a:buChar char="•"/>
          </a:pPr>
          <a:r>
            <a:rPr lang="it-IT" sz="1300" kern="1200" dirty="0"/>
            <a:t>Ricavate le </a:t>
          </a:r>
          <a:r>
            <a:rPr lang="it-IT" sz="1300" b="1" kern="1200" dirty="0"/>
            <a:t>transazioni</a:t>
          </a:r>
          <a:r>
            <a:rPr lang="it-IT" sz="1300" kern="1200" dirty="0"/>
            <a:t> registrate a sistema nel periodo compreso tra il 1 gennaio 2020 e il 30 aprile 2023, assegnando ad ognuna un’attività di closing.</a:t>
          </a:r>
        </a:p>
      </dsp:txBody>
      <dsp:txXfrm rot="-5400000">
        <a:off x="2160454" y="201205"/>
        <a:ext cx="3784909" cy="1033301"/>
      </dsp:txXfrm>
    </dsp:sp>
    <dsp:sp modelId="{E841FA18-5B64-4866-84FD-81C353929F99}">
      <dsp:nvSpPr>
        <dsp:cNvPr id="0" name=""/>
        <dsp:cNvSpPr/>
      </dsp:nvSpPr>
      <dsp:spPr>
        <a:xfrm>
          <a:off x="0" y="2168"/>
          <a:ext cx="2160454" cy="1431374"/>
        </a:xfrm>
        <a:prstGeom prst="roundRect">
          <a:avLst/>
        </a:prstGeom>
        <a:solidFill>
          <a:schemeClr val="accent1">
            <a:shade val="8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Estrazione transazioni </a:t>
          </a:r>
          <a:endParaRPr lang="it-IT" sz="1900" kern="1200" dirty="0"/>
        </a:p>
      </dsp:txBody>
      <dsp:txXfrm>
        <a:off x="69874" y="72042"/>
        <a:ext cx="2020706" cy="1291626"/>
      </dsp:txXfrm>
    </dsp:sp>
    <dsp:sp modelId="{F8989B09-DA2B-4E02-8371-BB9CE00DA8D2}">
      <dsp:nvSpPr>
        <dsp:cNvPr id="0" name=""/>
        <dsp:cNvSpPr/>
      </dsp:nvSpPr>
      <dsp:spPr>
        <a:xfrm rot="5400000">
          <a:off x="3508308" y="300395"/>
          <a:ext cx="1145099" cy="3840808"/>
        </a:xfrm>
        <a:prstGeom prst="round2SameRect">
          <a:avLst/>
        </a:prstGeom>
        <a:solidFill>
          <a:schemeClr val="accent1">
            <a:alpha val="90000"/>
            <a:tint val="40000"/>
            <a:hueOff val="0"/>
            <a:satOff val="0"/>
            <a:lumOff val="0"/>
            <a:alphaOff val="0"/>
          </a:schemeClr>
        </a:solidFill>
        <a:ln w="12700" cap="flat" cmpd="sng" algn="ctr">
          <a:solidFill>
            <a:schemeClr val="accent1">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9530" tIns="24765" rIns="49530" bIns="24765" numCol="1" spcCol="1270" anchor="ctr" anchorCtr="0">
          <a:noAutofit/>
        </a:bodyPr>
        <a:lstStyle/>
        <a:p>
          <a:pPr marL="114300" lvl="1" indent="-114300" algn="just" defTabSz="577850">
            <a:lnSpc>
              <a:spcPct val="150000"/>
            </a:lnSpc>
            <a:spcBef>
              <a:spcPct val="0"/>
            </a:spcBef>
            <a:spcAft>
              <a:spcPct val="15000"/>
            </a:spcAft>
            <a:buChar char="•"/>
          </a:pPr>
          <a:r>
            <a:rPr lang="it-IT" sz="1300" kern="1200" dirty="0"/>
            <a:t>Le transazioni sono state aggregate per </a:t>
          </a:r>
          <a:r>
            <a:rPr lang="it-IT" sz="1300" b="1" kern="1200" dirty="0"/>
            <a:t>settimana</a:t>
          </a:r>
          <a:r>
            <a:rPr lang="it-IT" sz="1300" kern="1200" dirty="0"/>
            <a:t>, mantenendo l’informazione sul numero di transazioni per ogni attività di closing. </a:t>
          </a:r>
        </a:p>
      </dsp:txBody>
      <dsp:txXfrm rot="-5400000">
        <a:off x="2160454" y="1704149"/>
        <a:ext cx="3784909" cy="1033301"/>
      </dsp:txXfrm>
    </dsp:sp>
    <dsp:sp modelId="{2ED562A6-5E24-4857-AFCD-67CEC97D68A4}">
      <dsp:nvSpPr>
        <dsp:cNvPr id="0" name=""/>
        <dsp:cNvSpPr/>
      </dsp:nvSpPr>
      <dsp:spPr>
        <a:xfrm>
          <a:off x="0" y="1505112"/>
          <a:ext cx="2160454" cy="1431374"/>
        </a:xfrm>
        <a:prstGeom prst="roundRect">
          <a:avLst/>
        </a:prstGeom>
        <a:solidFill>
          <a:schemeClr val="accent1">
            <a:shade val="80000"/>
            <a:hueOff val="174641"/>
            <a:satOff val="-3128"/>
            <a:lumOff val="13293"/>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Aggregazione per settimana</a:t>
          </a:r>
          <a:endParaRPr lang="it-IT" sz="1900" kern="1200" dirty="0"/>
        </a:p>
      </dsp:txBody>
      <dsp:txXfrm>
        <a:off x="69874" y="1574986"/>
        <a:ext cx="2020706" cy="1291626"/>
      </dsp:txXfrm>
    </dsp:sp>
    <dsp:sp modelId="{CAD73DE8-F3BF-41AC-ADD5-B531E2A1E3DD}">
      <dsp:nvSpPr>
        <dsp:cNvPr id="0" name=""/>
        <dsp:cNvSpPr/>
      </dsp:nvSpPr>
      <dsp:spPr>
        <a:xfrm rot="5400000">
          <a:off x="3508308" y="1803338"/>
          <a:ext cx="1145099" cy="3840808"/>
        </a:xfrm>
        <a:prstGeom prst="round2SameRect">
          <a:avLst/>
        </a:prstGeom>
        <a:solidFill>
          <a:schemeClr val="accent1">
            <a:alpha val="90000"/>
            <a:tint val="40000"/>
            <a:hueOff val="0"/>
            <a:satOff val="0"/>
            <a:lumOff val="0"/>
            <a:alphaOff val="0"/>
          </a:schemeClr>
        </a:solidFill>
        <a:ln w="12700" cap="flat" cmpd="sng" algn="ctr">
          <a:solidFill>
            <a:schemeClr val="accent1">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9530" tIns="24765" rIns="49530" bIns="24765" numCol="1" spcCol="1270" anchor="ctr" anchorCtr="0">
          <a:noAutofit/>
        </a:bodyPr>
        <a:lstStyle/>
        <a:p>
          <a:pPr marL="114300" lvl="1" indent="-114300" algn="just" defTabSz="577850">
            <a:lnSpc>
              <a:spcPct val="150000"/>
            </a:lnSpc>
            <a:spcBef>
              <a:spcPct val="0"/>
            </a:spcBef>
            <a:spcAft>
              <a:spcPct val="15000"/>
            </a:spcAft>
            <a:buChar char="•"/>
          </a:pPr>
          <a:r>
            <a:rPr lang="it-IT" sz="1300" kern="1200" dirty="0"/>
            <a:t>Sviluppo di un modello di </a:t>
          </a:r>
          <a:r>
            <a:rPr lang="it-IT" sz="1300" b="1" kern="1200" dirty="0"/>
            <a:t>forecasting</a:t>
          </a:r>
          <a:r>
            <a:rPr lang="it-IT" sz="1300" kern="1200" dirty="0"/>
            <a:t> in grado di prevedere l’andamento del numero di transazioni delle 12 settimane successive.</a:t>
          </a:r>
        </a:p>
      </dsp:txBody>
      <dsp:txXfrm rot="-5400000">
        <a:off x="2160454" y="3207092"/>
        <a:ext cx="3784909" cy="1033301"/>
      </dsp:txXfrm>
    </dsp:sp>
    <dsp:sp modelId="{23CE3AC8-C8A9-449F-B357-2392EC5C8C77}">
      <dsp:nvSpPr>
        <dsp:cNvPr id="0" name=""/>
        <dsp:cNvSpPr/>
      </dsp:nvSpPr>
      <dsp:spPr>
        <a:xfrm>
          <a:off x="0" y="3008055"/>
          <a:ext cx="2160454" cy="1431374"/>
        </a:xfrm>
        <a:prstGeom prst="roundRect">
          <a:avLst/>
        </a:prstGeom>
        <a:solidFill>
          <a:schemeClr val="accent1">
            <a:shade val="80000"/>
            <a:hueOff val="349283"/>
            <a:satOff val="-6256"/>
            <a:lumOff val="2658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36195" rIns="72390" bIns="36195" numCol="1" spcCol="1270" anchor="ctr" anchorCtr="0">
          <a:noAutofit/>
        </a:bodyPr>
        <a:lstStyle/>
        <a:p>
          <a:pPr marL="0" lvl="0" indent="0" algn="ctr" defTabSz="844550">
            <a:lnSpc>
              <a:spcPct val="90000"/>
            </a:lnSpc>
            <a:spcBef>
              <a:spcPct val="0"/>
            </a:spcBef>
            <a:spcAft>
              <a:spcPct val="35000"/>
            </a:spcAft>
            <a:buNone/>
          </a:pPr>
          <a:r>
            <a:rPr lang="it-IT" sz="1900" kern="1200"/>
            <a:t>Implementazione del modello</a:t>
          </a:r>
          <a:endParaRPr lang="it-IT" sz="1900" kern="1200" dirty="0"/>
        </a:p>
      </dsp:txBody>
      <dsp:txXfrm>
        <a:off x="69874" y="3077929"/>
        <a:ext cx="2020706" cy="1291626"/>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egnaposto intestazione 1">
            <a:extLst>
              <a:ext uri="{FF2B5EF4-FFF2-40B4-BE49-F238E27FC236}">
                <a16:creationId xmlns:a16="http://schemas.microsoft.com/office/drawing/2014/main" id="{E6434E83-8B84-9C1D-ECEB-668FE1EAC434}"/>
              </a:ext>
            </a:extLst>
          </p:cNvPr>
          <p:cNvSpPr>
            <a:spLocks noGrp="1"/>
          </p:cNvSpPr>
          <p:nvPr>
            <p:ph type="hdr" sz="quarter"/>
          </p:nvPr>
        </p:nvSpPr>
        <p:spPr>
          <a:xfrm>
            <a:off x="1" y="0"/>
            <a:ext cx="2986154" cy="485498"/>
          </a:xfrm>
          <a:prstGeom prst="rect">
            <a:avLst/>
          </a:prstGeom>
        </p:spPr>
        <p:txBody>
          <a:bodyPr vert="horz" lIns="91440" tIns="45720" rIns="91440" bIns="45720" rtlCol="0"/>
          <a:lstStyle>
            <a:lvl1pPr algn="l">
              <a:defRPr sz="1200"/>
            </a:lvl1pPr>
          </a:lstStyle>
          <a:p>
            <a:endParaRPr lang="it-IT"/>
          </a:p>
        </p:txBody>
      </p:sp>
      <p:sp>
        <p:nvSpPr>
          <p:cNvPr id="3" name="Segnaposto data 2">
            <a:extLst>
              <a:ext uri="{FF2B5EF4-FFF2-40B4-BE49-F238E27FC236}">
                <a16:creationId xmlns:a16="http://schemas.microsoft.com/office/drawing/2014/main" id="{3F682413-0C87-314E-4162-E00BC2B5EBCC}"/>
              </a:ext>
            </a:extLst>
          </p:cNvPr>
          <p:cNvSpPr>
            <a:spLocks noGrp="1"/>
          </p:cNvSpPr>
          <p:nvPr>
            <p:ph type="dt" sz="quarter" idx="1"/>
          </p:nvPr>
        </p:nvSpPr>
        <p:spPr>
          <a:xfrm>
            <a:off x="3901973" y="0"/>
            <a:ext cx="2986153" cy="485498"/>
          </a:xfrm>
          <a:prstGeom prst="rect">
            <a:avLst/>
          </a:prstGeom>
        </p:spPr>
        <p:txBody>
          <a:bodyPr vert="horz" lIns="91440" tIns="45720" rIns="91440" bIns="45720" rtlCol="0"/>
          <a:lstStyle>
            <a:lvl1pPr algn="r">
              <a:defRPr sz="1200"/>
            </a:lvl1pPr>
          </a:lstStyle>
          <a:p>
            <a:fld id="{77B8C954-9C6E-477D-A919-F104EC9D966C}" type="datetimeFigureOut">
              <a:rPr lang="it-IT" smtClean="0"/>
              <a:t>12/03/2024</a:t>
            </a:fld>
            <a:endParaRPr lang="it-IT"/>
          </a:p>
        </p:txBody>
      </p:sp>
      <p:sp>
        <p:nvSpPr>
          <p:cNvPr id="4" name="Segnaposto piè di pagina 3">
            <a:extLst>
              <a:ext uri="{FF2B5EF4-FFF2-40B4-BE49-F238E27FC236}">
                <a16:creationId xmlns:a16="http://schemas.microsoft.com/office/drawing/2014/main" id="{26644825-14E2-907B-A2B0-F207467145A9}"/>
              </a:ext>
            </a:extLst>
          </p:cNvPr>
          <p:cNvSpPr>
            <a:spLocks noGrp="1"/>
          </p:cNvSpPr>
          <p:nvPr>
            <p:ph type="ftr" sz="quarter" idx="2"/>
          </p:nvPr>
        </p:nvSpPr>
        <p:spPr>
          <a:xfrm>
            <a:off x="1" y="9185552"/>
            <a:ext cx="2986154" cy="485498"/>
          </a:xfrm>
          <a:prstGeom prst="rect">
            <a:avLst/>
          </a:prstGeom>
        </p:spPr>
        <p:txBody>
          <a:bodyPr vert="horz" lIns="91440" tIns="45720" rIns="91440" bIns="45720" rtlCol="0" anchor="b"/>
          <a:lstStyle>
            <a:lvl1pPr algn="l">
              <a:defRPr sz="1200"/>
            </a:lvl1pPr>
          </a:lstStyle>
          <a:p>
            <a:endParaRPr lang="it-IT"/>
          </a:p>
        </p:txBody>
      </p:sp>
      <p:sp>
        <p:nvSpPr>
          <p:cNvPr id="5" name="Segnaposto numero diapositiva 4">
            <a:extLst>
              <a:ext uri="{FF2B5EF4-FFF2-40B4-BE49-F238E27FC236}">
                <a16:creationId xmlns:a16="http://schemas.microsoft.com/office/drawing/2014/main" id="{9A876682-7877-80CA-9E0F-B7336EFC7B77}"/>
              </a:ext>
            </a:extLst>
          </p:cNvPr>
          <p:cNvSpPr>
            <a:spLocks noGrp="1"/>
          </p:cNvSpPr>
          <p:nvPr>
            <p:ph type="sldNum" sz="quarter" idx="3"/>
          </p:nvPr>
        </p:nvSpPr>
        <p:spPr>
          <a:xfrm>
            <a:off x="3901973" y="9185552"/>
            <a:ext cx="2986153" cy="485498"/>
          </a:xfrm>
          <a:prstGeom prst="rect">
            <a:avLst/>
          </a:prstGeom>
        </p:spPr>
        <p:txBody>
          <a:bodyPr vert="horz" lIns="91440" tIns="45720" rIns="91440" bIns="45720" rtlCol="0" anchor="b"/>
          <a:lstStyle>
            <a:lvl1pPr algn="r">
              <a:defRPr sz="1200"/>
            </a:lvl1pPr>
          </a:lstStyle>
          <a:p>
            <a:fld id="{EA52B6A3-0779-47EA-A73C-7626C491D072}" type="slidenum">
              <a:rPr lang="it-IT" smtClean="0"/>
              <a:t>‹N›</a:t>
            </a:fld>
            <a:endParaRPr lang="it-IT"/>
          </a:p>
        </p:txBody>
      </p:sp>
    </p:spTree>
    <p:extLst>
      <p:ext uri="{BB962C8B-B14F-4D97-AF65-F5344CB8AC3E}">
        <p14:creationId xmlns:p14="http://schemas.microsoft.com/office/powerpoint/2010/main" val="1035566331"/>
      </p:ext>
    </p:extLst>
  </p:cSld>
  <p:clrMap bg1="lt1" tx1="dk1" bg2="lt2" tx2="dk2" accent1="accent1" accent2="accent2" accent3="accent3" accent4="accent4" accent5="accent5" accent6="accent6" hlink="hlink" folHlink="folHlink"/>
  <p:hf sldNum="0"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85559" cy="485232"/>
          </a:xfrm>
          <a:prstGeom prst="rect">
            <a:avLst/>
          </a:prstGeom>
        </p:spPr>
        <p:txBody>
          <a:bodyPr vert="horz" lIns="91440" tIns="45720" rIns="91440" bIns="45720" rtlCol="0"/>
          <a:lstStyle>
            <a:lvl1pPr algn="l">
              <a:defRPr sz="1200"/>
            </a:lvl1pPr>
          </a:lstStyle>
          <a:p>
            <a:endParaRPr lang="fr-FR"/>
          </a:p>
        </p:txBody>
      </p:sp>
      <p:sp>
        <p:nvSpPr>
          <p:cNvPr id="3" name="Espace réservé de la date 2"/>
          <p:cNvSpPr>
            <a:spLocks noGrp="1"/>
          </p:cNvSpPr>
          <p:nvPr>
            <p:ph type="dt" idx="1"/>
          </p:nvPr>
        </p:nvSpPr>
        <p:spPr>
          <a:xfrm>
            <a:off x="3902597" y="0"/>
            <a:ext cx="2985559" cy="485232"/>
          </a:xfrm>
          <a:prstGeom prst="rect">
            <a:avLst/>
          </a:prstGeom>
        </p:spPr>
        <p:txBody>
          <a:bodyPr vert="horz" lIns="91440" tIns="45720" rIns="91440" bIns="45720" rtlCol="0"/>
          <a:lstStyle>
            <a:lvl1pPr algn="r">
              <a:defRPr sz="1200"/>
            </a:lvl1pPr>
          </a:lstStyle>
          <a:p>
            <a:fld id="{5238A4CF-188F-474D-BE23-AEA47FFE6284}" type="datetimeFigureOut">
              <a:rPr lang="fr-FR" smtClean="0"/>
              <a:t>12/03/2024</a:t>
            </a:fld>
            <a:endParaRPr lang="fr-FR"/>
          </a:p>
        </p:txBody>
      </p:sp>
      <p:sp>
        <p:nvSpPr>
          <p:cNvPr id="4" name="Espace réservé de l'image des diapositives 3"/>
          <p:cNvSpPr>
            <a:spLocks noGrp="1" noRot="1" noChangeAspect="1"/>
          </p:cNvSpPr>
          <p:nvPr>
            <p:ph type="sldImg" idx="2"/>
          </p:nvPr>
        </p:nvSpPr>
        <p:spPr>
          <a:xfrm>
            <a:off x="546100" y="1209675"/>
            <a:ext cx="5797550" cy="3262313"/>
          </a:xfrm>
          <a:prstGeom prst="rect">
            <a:avLst/>
          </a:prstGeom>
          <a:noFill/>
          <a:ln w="12700">
            <a:solidFill>
              <a:prstClr val="black"/>
            </a:solidFill>
          </a:ln>
        </p:spPr>
        <p:txBody>
          <a:bodyPr vert="horz" lIns="91440" tIns="45720" rIns="91440" bIns="45720" rtlCol="0" anchor="ctr"/>
          <a:lstStyle/>
          <a:p>
            <a:endParaRPr lang="fr-FR"/>
          </a:p>
        </p:txBody>
      </p:sp>
      <p:sp>
        <p:nvSpPr>
          <p:cNvPr id="5" name="Espace réservé des notes 4"/>
          <p:cNvSpPr>
            <a:spLocks noGrp="1"/>
          </p:cNvSpPr>
          <p:nvPr>
            <p:ph type="body" sz="quarter" idx="3"/>
          </p:nvPr>
        </p:nvSpPr>
        <p:spPr>
          <a:xfrm>
            <a:off x="688976" y="4654193"/>
            <a:ext cx="5511800" cy="3807976"/>
          </a:xfrm>
          <a:prstGeom prst="rect">
            <a:avLst/>
          </a:prstGeom>
        </p:spPr>
        <p:txBody>
          <a:bodyPr vert="horz" lIns="91440" tIns="45720" rIns="91440" bIns="45720" rtlCol="0"/>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6" name="Espace réservé du pied de page 5"/>
          <p:cNvSpPr>
            <a:spLocks noGrp="1"/>
          </p:cNvSpPr>
          <p:nvPr>
            <p:ph type="ftr" sz="quarter" idx="4"/>
          </p:nvPr>
        </p:nvSpPr>
        <p:spPr>
          <a:xfrm>
            <a:off x="0" y="9185820"/>
            <a:ext cx="2985559" cy="485231"/>
          </a:xfrm>
          <a:prstGeom prst="rect">
            <a:avLst/>
          </a:prstGeom>
        </p:spPr>
        <p:txBody>
          <a:bodyPr vert="horz" lIns="91440" tIns="45720" rIns="91440" bIns="45720" rtlCol="0" anchor="b"/>
          <a:lstStyle>
            <a:lvl1pPr algn="l">
              <a:defRPr sz="1200"/>
            </a:lvl1pPr>
          </a:lstStyle>
          <a:p>
            <a:endParaRPr lang="fr-FR"/>
          </a:p>
        </p:txBody>
      </p:sp>
      <p:sp>
        <p:nvSpPr>
          <p:cNvPr id="7" name="Espace réservé du numéro de diapositive 6"/>
          <p:cNvSpPr>
            <a:spLocks noGrp="1"/>
          </p:cNvSpPr>
          <p:nvPr>
            <p:ph type="sldNum" sz="quarter" idx="5"/>
          </p:nvPr>
        </p:nvSpPr>
        <p:spPr>
          <a:xfrm>
            <a:off x="3902597" y="9185820"/>
            <a:ext cx="2985559" cy="485231"/>
          </a:xfrm>
          <a:prstGeom prst="rect">
            <a:avLst/>
          </a:prstGeom>
        </p:spPr>
        <p:txBody>
          <a:bodyPr vert="horz" lIns="91440" tIns="45720" rIns="91440" bIns="45720" rtlCol="0" anchor="b"/>
          <a:lstStyle>
            <a:lvl1pPr algn="r">
              <a:defRPr sz="1200"/>
            </a:lvl1pPr>
          </a:lstStyle>
          <a:p>
            <a:fld id="{C64F976A-E9C2-4658-ACA7-06C5E9455142}" type="slidenum">
              <a:rPr lang="fr-FR" smtClean="0"/>
              <a:t>‹N›</a:t>
            </a:fld>
            <a:endParaRPr lang="fr-FR"/>
          </a:p>
        </p:txBody>
      </p:sp>
    </p:spTree>
    <p:extLst>
      <p:ext uri="{BB962C8B-B14F-4D97-AF65-F5344CB8AC3E}">
        <p14:creationId xmlns:p14="http://schemas.microsoft.com/office/powerpoint/2010/main" val="2060774785"/>
      </p:ext>
    </p:extLst>
  </p:cSld>
  <p:clrMap bg1="lt1" tx1="dk1" bg2="lt2" tx2="dk2" accent1="accent1" accent2="accent2" accent3="accent3" accent4="accent4" accent5="accent5" accent6="accent6" hlink="hlink" folHlink="folHlink"/>
  <p:hf sldNum="0" hdr="0" ftr="0" dt="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52835736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39075598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72171889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49369433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419598745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90932859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4019821894"/>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62923512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25138112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84870651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28703367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93266575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27339256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40400738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24540822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70029997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85353336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75409078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354005004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73907215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5033597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39.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1.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1.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6.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13.png"/><Relationship Id="rId2" Type="http://schemas.openxmlformats.org/officeDocument/2006/relationships/image" Target="../media/image9.png"/><Relationship Id="rId1" Type="http://schemas.openxmlformats.org/officeDocument/2006/relationships/slideMaster" Target="../slideMasters/slideMaster1.xml"/><Relationship Id="rId6" Type="http://schemas.openxmlformats.org/officeDocument/2006/relationships/image" Target="../media/image10.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2.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57.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image" Target="../media/image9.png"/><Relationship Id="rId7" Type="http://schemas.openxmlformats.org/officeDocument/2006/relationships/hyperlink" Target="https://www.youtube.com/user/SAP" TargetMode="External"/><Relationship Id="rId12" Type="http://schemas.openxmlformats.org/officeDocument/2006/relationships/image" Target="../media/image13.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10.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2.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6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8.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Diapositiva titol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F103BA59-BD3F-73BC-CC0B-E8970AC8DAF5}"/>
              </a:ext>
            </a:extLst>
          </p:cNvPr>
          <p:cNvSpPr>
            <a:spLocks noGrp="1"/>
          </p:cNvSpPr>
          <p:nvPr>
            <p:ph type="ctrTitle"/>
          </p:nvPr>
        </p:nvSpPr>
        <p:spPr>
          <a:xfrm>
            <a:off x="1523603" y="1122363"/>
            <a:ext cx="9141619" cy="2387600"/>
          </a:xfrm>
        </p:spPr>
        <p:txBody>
          <a:bodyPr anchor="b"/>
          <a:lstStyle>
            <a:lvl1pPr algn="ctr">
              <a:defRPr sz="5998"/>
            </a:lvl1pPr>
          </a:lstStyle>
          <a:p>
            <a:r>
              <a:rPr lang="it-IT"/>
              <a:t>Fare clic per modificare lo stile del titolo dello schema</a:t>
            </a:r>
          </a:p>
        </p:txBody>
      </p:sp>
      <p:sp>
        <p:nvSpPr>
          <p:cNvPr id="3" name="Sottotitolo 2">
            <a:extLst>
              <a:ext uri="{FF2B5EF4-FFF2-40B4-BE49-F238E27FC236}">
                <a16:creationId xmlns:a16="http://schemas.microsoft.com/office/drawing/2014/main" id="{68737DE3-E40C-BFB3-BFFD-91F913BCD6C7}"/>
              </a:ext>
            </a:extLst>
          </p:cNvPr>
          <p:cNvSpPr>
            <a:spLocks noGrp="1"/>
          </p:cNvSpPr>
          <p:nvPr>
            <p:ph type="subTitle" idx="1"/>
          </p:nvPr>
        </p:nvSpPr>
        <p:spPr>
          <a:xfrm>
            <a:off x="1523603" y="3602038"/>
            <a:ext cx="9141619" cy="1655762"/>
          </a:xfrm>
        </p:spPr>
        <p:txBody>
          <a:bodyPr/>
          <a:lstStyle>
            <a:lvl1pPr marL="0" indent="0" algn="ctr">
              <a:buNone/>
              <a:defRPr sz="2399"/>
            </a:lvl1pPr>
            <a:lvl2pPr marL="457063" indent="0" algn="ctr">
              <a:buNone/>
              <a:defRPr sz="1999"/>
            </a:lvl2pPr>
            <a:lvl3pPr marL="914126" indent="0" algn="ctr">
              <a:buNone/>
              <a:defRPr sz="1799"/>
            </a:lvl3pPr>
            <a:lvl4pPr marL="1371189" indent="0" algn="ctr">
              <a:buNone/>
              <a:defRPr sz="1600"/>
            </a:lvl4pPr>
            <a:lvl5pPr marL="1828251" indent="0" algn="ctr">
              <a:buNone/>
              <a:defRPr sz="1600"/>
            </a:lvl5pPr>
            <a:lvl6pPr marL="2285314" indent="0" algn="ctr">
              <a:buNone/>
              <a:defRPr sz="1600"/>
            </a:lvl6pPr>
            <a:lvl7pPr marL="2742377" indent="0" algn="ctr">
              <a:buNone/>
              <a:defRPr sz="1600"/>
            </a:lvl7pPr>
            <a:lvl8pPr marL="3199440" indent="0" algn="ctr">
              <a:buNone/>
              <a:defRPr sz="1600"/>
            </a:lvl8pPr>
            <a:lvl9pPr marL="3656503" indent="0" algn="ctr">
              <a:buNone/>
              <a:defRPr sz="1600"/>
            </a:lvl9pPr>
          </a:lstStyle>
          <a:p>
            <a:r>
              <a:rPr lang="it-IT"/>
              <a:t>Fare clic per modificare lo stile del sottotitolo dello schema</a:t>
            </a:r>
          </a:p>
        </p:txBody>
      </p:sp>
      <p:sp>
        <p:nvSpPr>
          <p:cNvPr id="4" name="Segnaposto data 3">
            <a:extLst>
              <a:ext uri="{FF2B5EF4-FFF2-40B4-BE49-F238E27FC236}">
                <a16:creationId xmlns:a16="http://schemas.microsoft.com/office/drawing/2014/main" id="{1F0B889A-DC22-48F2-E235-FA7BCC3FF07D}"/>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72FC2E66-6D39-A476-9A0C-84A0D850CC79}"/>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8F6309E1-ADB9-3B96-E487-7DCBBF29F49F}"/>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74821429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olo e testo verticale">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71655CB8-C71F-C165-F7BA-11932A94CE92}"/>
              </a:ext>
            </a:extLst>
          </p:cNvPr>
          <p:cNvSpPr>
            <a:spLocks noGrp="1"/>
          </p:cNvSpPr>
          <p:nvPr>
            <p:ph type="title"/>
          </p:nvPr>
        </p:nvSpPr>
        <p:spPr/>
        <p:txBody>
          <a:bodyPr/>
          <a:lstStyle/>
          <a:p>
            <a:r>
              <a:rPr lang="it-IT"/>
              <a:t>Fare clic per modificare lo stile del titolo dello schema</a:t>
            </a:r>
          </a:p>
        </p:txBody>
      </p:sp>
      <p:sp>
        <p:nvSpPr>
          <p:cNvPr id="3" name="Segnaposto testo verticale 2">
            <a:extLst>
              <a:ext uri="{FF2B5EF4-FFF2-40B4-BE49-F238E27FC236}">
                <a16:creationId xmlns:a16="http://schemas.microsoft.com/office/drawing/2014/main" id="{87312EA0-9B5F-69D2-1EB9-D8332C0E0928}"/>
              </a:ext>
            </a:extLst>
          </p:cNvPr>
          <p:cNvSpPr>
            <a:spLocks noGrp="1"/>
          </p:cNvSpPr>
          <p:nvPr>
            <p:ph type="body" orient="vert" idx="1"/>
          </p:nvPr>
        </p:nvSpPr>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97D95AF1-F147-CFDF-AD94-CE63EAD2892A}"/>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D8ECEA65-940E-6F9C-7EE8-5ED0C7916C8C}"/>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F4C2FE04-6120-C228-A716-96C73E954EAB}"/>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37494563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1_Titolo e testo verticale">
    <p:spTree>
      <p:nvGrpSpPr>
        <p:cNvPr id="1" name=""/>
        <p:cNvGrpSpPr/>
        <p:nvPr/>
      </p:nvGrpSpPr>
      <p:grpSpPr>
        <a:xfrm>
          <a:off x="0" y="0"/>
          <a:ext cx="0" cy="0"/>
          <a:chOff x="0" y="0"/>
          <a:chExt cx="0" cy="0"/>
        </a:xfrm>
      </p:grpSpPr>
      <p:sp>
        <p:nvSpPr>
          <p:cNvPr id="2" name="Titolo verticale 1">
            <a:extLst>
              <a:ext uri="{FF2B5EF4-FFF2-40B4-BE49-F238E27FC236}">
                <a16:creationId xmlns:a16="http://schemas.microsoft.com/office/drawing/2014/main" id="{23498C53-C1F3-E492-79FE-B370E6134FEA}"/>
              </a:ext>
            </a:extLst>
          </p:cNvPr>
          <p:cNvSpPr>
            <a:spLocks noGrp="1"/>
          </p:cNvSpPr>
          <p:nvPr>
            <p:ph type="title" orient="vert"/>
          </p:nvPr>
        </p:nvSpPr>
        <p:spPr>
          <a:xfrm>
            <a:off x="8722628" y="365125"/>
            <a:ext cx="2628215" cy="5811838"/>
          </a:xfrm>
        </p:spPr>
        <p:txBody>
          <a:bodyPr vert="eaVert"/>
          <a:lstStyle/>
          <a:p>
            <a:r>
              <a:rPr lang="it-IT"/>
              <a:t>Fare clic per modificare lo stile del titolo dello schema</a:t>
            </a:r>
          </a:p>
        </p:txBody>
      </p:sp>
      <p:sp>
        <p:nvSpPr>
          <p:cNvPr id="3" name="Segnaposto testo verticale 2">
            <a:extLst>
              <a:ext uri="{FF2B5EF4-FFF2-40B4-BE49-F238E27FC236}">
                <a16:creationId xmlns:a16="http://schemas.microsoft.com/office/drawing/2014/main" id="{B58BF958-2379-E9D5-8FC0-F1D10F052565}"/>
              </a:ext>
            </a:extLst>
          </p:cNvPr>
          <p:cNvSpPr>
            <a:spLocks noGrp="1"/>
          </p:cNvSpPr>
          <p:nvPr>
            <p:ph type="body" orient="vert" idx="1"/>
          </p:nvPr>
        </p:nvSpPr>
        <p:spPr>
          <a:xfrm>
            <a:off x="837982" y="365125"/>
            <a:ext cx="7732286" cy="5811838"/>
          </a:xfrm>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B4D3A506-0D69-D2C1-E025-A65CAA1FF00C}"/>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CC913B33-D05F-F51C-1EA1-790F22A95EC0}"/>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EF3EEA8F-8F4F-1CA0-7FE8-45BFDF217056}"/>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97047987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Custom Layout">
    <p:spTree>
      <p:nvGrpSpPr>
        <p:cNvPr id="1" name=""/>
        <p:cNvGrpSpPr/>
        <p:nvPr/>
      </p:nvGrpSpPr>
      <p:grpSpPr>
        <a:xfrm>
          <a:off x="0" y="0"/>
          <a:ext cx="0" cy="0"/>
          <a:chOff x="0" y="0"/>
          <a:chExt cx="0" cy="0"/>
        </a:xfrm>
      </p:grpSpPr>
      <p:sp>
        <p:nvSpPr>
          <p:cNvPr id="6" name="Picture Placeholder 6"/>
          <p:cNvSpPr>
            <a:spLocks noGrp="1"/>
          </p:cNvSpPr>
          <p:nvPr>
            <p:ph type="pic" sz="quarter" idx="10"/>
          </p:nvPr>
        </p:nvSpPr>
        <p:spPr>
          <a:xfrm>
            <a:off x="0" y="0"/>
            <a:ext cx="12188825" cy="6858000"/>
          </a:xfrm>
          <a:pattFill prst="solidDmnd">
            <a:fgClr>
              <a:schemeClr val="accent1">
                <a:lumMod val="20000"/>
                <a:lumOff val="80000"/>
              </a:schemeClr>
            </a:fgClr>
            <a:bgClr>
              <a:schemeClr val="bg1"/>
            </a:bgClr>
          </a:pattFill>
        </p:spPr>
        <p:txBody>
          <a:bodyPr anchor="ctr">
            <a:normAutofit/>
          </a:bodyPr>
          <a:lstStyle>
            <a:lvl1pPr algn="ctr">
              <a:defRPr sz="1100"/>
            </a:lvl1pPr>
          </a:lstStyle>
          <a:p>
            <a:endParaRPr lang="en-US"/>
          </a:p>
        </p:txBody>
      </p:sp>
    </p:spTree>
    <p:extLst>
      <p:ext uri="{BB962C8B-B14F-4D97-AF65-F5344CB8AC3E}">
        <p14:creationId xmlns:p14="http://schemas.microsoft.com/office/powerpoint/2010/main" val="263724600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Tree>
    <p:extLst>
      <p:ext uri="{BB962C8B-B14F-4D97-AF65-F5344CB8AC3E}">
        <p14:creationId xmlns:p14="http://schemas.microsoft.com/office/powerpoint/2010/main" val="275749491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Diapositive de titre">
    <p:spTree>
      <p:nvGrpSpPr>
        <p:cNvPr id="1" name=""/>
        <p:cNvGrpSpPr/>
        <p:nvPr/>
      </p:nvGrpSpPr>
      <p:grpSpPr>
        <a:xfrm>
          <a:off x="0" y="0"/>
          <a:ext cx="0" cy="0"/>
          <a:chOff x="0" y="0"/>
          <a:chExt cx="0" cy="0"/>
        </a:xfrm>
      </p:grpSpPr>
      <p:sp>
        <p:nvSpPr>
          <p:cNvPr id="3" name="Sous-titre 2">
            <a:extLst>
              <a:ext uri="{FF2B5EF4-FFF2-40B4-BE49-F238E27FC236}">
                <a16:creationId xmlns:a16="http://schemas.microsoft.com/office/drawing/2014/main" id="{D17AC094-BE62-4390-A2AD-E58FAC4D3FA9}"/>
              </a:ext>
            </a:extLst>
          </p:cNvPr>
          <p:cNvSpPr>
            <a:spLocks noGrp="1"/>
          </p:cNvSpPr>
          <p:nvPr>
            <p:ph type="subTitle" idx="1"/>
          </p:nvPr>
        </p:nvSpPr>
        <p:spPr>
          <a:xfrm>
            <a:off x="1523603" y="3602038"/>
            <a:ext cx="9141619" cy="1655762"/>
          </a:xfrm>
        </p:spPr>
        <p:txBody>
          <a:bodyPr/>
          <a:lstStyle>
            <a:lvl1pPr marL="0" indent="0" algn="ctr">
              <a:buNone/>
              <a:defRPr sz="2399">
                <a:solidFill>
                  <a:srgbClr val="17375E"/>
                </a:solidFill>
              </a:defRPr>
            </a:lvl1pPr>
            <a:lvl2pPr marL="457063" indent="0" algn="ctr">
              <a:buNone/>
              <a:defRPr sz="1999"/>
            </a:lvl2pPr>
            <a:lvl3pPr marL="914126" indent="0" algn="ctr">
              <a:buNone/>
              <a:defRPr sz="1799"/>
            </a:lvl3pPr>
            <a:lvl4pPr marL="1371189" indent="0" algn="ctr">
              <a:buNone/>
              <a:defRPr sz="1600"/>
            </a:lvl4pPr>
            <a:lvl5pPr marL="1828251" indent="0" algn="ctr">
              <a:buNone/>
              <a:defRPr sz="1600"/>
            </a:lvl5pPr>
            <a:lvl6pPr marL="2285314" indent="0" algn="ctr">
              <a:buNone/>
              <a:defRPr sz="1600"/>
            </a:lvl6pPr>
            <a:lvl7pPr marL="2742377" indent="0" algn="ctr">
              <a:buNone/>
              <a:defRPr sz="1600"/>
            </a:lvl7pPr>
            <a:lvl8pPr marL="3199440" indent="0" algn="ctr">
              <a:buNone/>
              <a:defRPr sz="1600"/>
            </a:lvl8pPr>
            <a:lvl9pPr marL="3656503" indent="0" algn="ctr">
              <a:buNone/>
              <a:defRPr sz="1600"/>
            </a:lvl9pPr>
          </a:lstStyle>
          <a:p>
            <a:r>
              <a:rPr lang="fr-FR"/>
              <a:t>Modifier le style des sous-titres du masque</a:t>
            </a:r>
          </a:p>
        </p:txBody>
      </p:sp>
      <p:sp>
        <p:nvSpPr>
          <p:cNvPr id="4" name="Espace réservé de la date 3">
            <a:extLst>
              <a:ext uri="{FF2B5EF4-FFF2-40B4-BE49-F238E27FC236}">
                <a16:creationId xmlns:a16="http://schemas.microsoft.com/office/drawing/2014/main" id="{435DC39E-1900-4D01-BA82-DF9197976D49}"/>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6798E95-2299-40B3-B710-12CF12ABADCE}"/>
              </a:ext>
            </a:extLst>
          </p:cNvPr>
          <p:cNvSpPr>
            <a:spLocks noGrp="1"/>
          </p:cNvSpPr>
          <p:nvPr>
            <p:ph type="ftr" sz="quarter" idx="11"/>
          </p:nvPr>
        </p:nvSpPr>
        <p:spPr/>
        <p:txBody>
          <a:bodyPr/>
          <a:lstStyle/>
          <a:p>
            <a:endParaRPr lang="fr-FR"/>
          </a:p>
        </p:txBody>
      </p:sp>
    </p:spTree>
    <p:extLst>
      <p:ext uri="{BB962C8B-B14F-4D97-AF65-F5344CB8AC3E}">
        <p14:creationId xmlns:p14="http://schemas.microsoft.com/office/powerpoint/2010/main" val="95993736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re et contenu">
    <p:spTree>
      <p:nvGrpSpPr>
        <p:cNvPr id="1" name=""/>
        <p:cNvGrpSpPr/>
        <p:nvPr/>
      </p:nvGrpSpPr>
      <p:grpSpPr>
        <a:xfrm>
          <a:off x="0" y="0"/>
          <a:ext cx="0" cy="0"/>
          <a:chOff x="0" y="0"/>
          <a:chExt cx="0" cy="0"/>
        </a:xfrm>
      </p:grpSpPr>
      <p:pic>
        <p:nvPicPr>
          <p:cNvPr id="16" name="Image 15">
            <a:extLst>
              <a:ext uri="{FF2B5EF4-FFF2-40B4-BE49-F238E27FC236}">
                <a16:creationId xmlns:a16="http://schemas.microsoft.com/office/drawing/2014/main" id="{267B77A6-BBD7-4B46-AEC9-998BEDA88696}"/>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17" name="Forme libre 2">
            <a:extLst>
              <a:ext uri="{FF2B5EF4-FFF2-40B4-BE49-F238E27FC236}">
                <a16:creationId xmlns:a16="http://schemas.microsoft.com/office/drawing/2014/main" id="{51313C93-D180-4E7B-818A-547B258A9F1B}"/>
              </a:ext>
            </a:extLst>
          </p:cNvPr>
          <p:cNvSpPr/>
          <p:nvPr userDrawn="1"/>
        </p:nvSpPr>
        <p:spPr>
          <a:xfrm>
            <a:off x="3887343" y="895"/>
            <a:ext cx="6655344"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8" name="Forme libre 3">
            <a:extLst>
              <a:ext uri="{FF2B5EF4-FFF2-40B4-BE49-F238E27FC236}">
                <a16:creationId xmlns:a16="http://schemas.microsoft.com/office/drawing/2014/main" id="{ECBC3560-3245-45DF-AF29-0154EBD0AE3B}"/>
              </a:ext>
            </a:extLst>
          </p:cNvPr>
          <p:cNvSpPr/>
          <p:nvPr userDrawn="1"/>
        </p:nvSpPr>
        <p:spPr>
          <a:xfrm>
            <a:off x="2887551" y="895"/>
            <a:ext cx="6658358"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20" name="Forme libre 4">
            <a:extLst>
              <a:ext uri="{FF2B5EF4-FFF2-40B4-BE49-F238E27FC236}">
                <a16:creationId xmlns:a16="http://schemas.microsoft.com/office/drawing/2014/main" id="{6B1CB72E-4E59-40AD-9755-0FAF811CD813}"/>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6" name="Espace réservé du numéro de diapositive 5">
            <a:extLst>
              <a:ext uri="{FF2B5EF4-FFF2-40B4-BE49-F238E27FC236}">
                <a16:creationId xmlns:a16="http://schemas.microsoft.com/office/drawing/2014/main" id="{62D85729-4509-44D9-B101-22B5DF36D99F}"/>
              </a:ext>
            </a:extLst>
          </p:cNvPr>
          <p:cNvSpPr>
            <a:spLocks noGrp="1"/>
          </p:cNvSpPr>
          <p:nvPr>
            <p:ph type="sldNum" sz="quarter" idx="12"/>
          </p:nvPr>
        </p:nvSpPr>
        <p:spPr>
          <a:xfrm>
            <a:off x="9443165" y="6508784"/>
            <a:ext cx="2742486" cy="365125"/>
          </a:xfrm>
          <a:prstGeom prst="rect">
            <a:avLst/>
          </a:prstGeom>
        </p:spPr>
        <p:txBody>
          <a:bodyPr/>
          <a:lstStyle/>
          <a:p>
            <a:fld id="{FDF5FF1D-9E7C-402F-92E4-9E95FC4A7F75}" type="slidenum">
              <a:rPr lang="fr-FR" smtClean="0"/>
              <a:t>‹N›</a:t>
            </a:fld>
            <a:endParaRPr lang="fr-FR"/>
          </a:p>
        </p:txBody>
      </p:sp>
      <p:sp>
        <p:nvSpPr>
          <p:cNvPr id="21" name="Titre 1">
            <a:extLst>
              <a:ext uri="{FF2B5EF4-FFF2-40B4-BE49-F238E27FC236}">
                <a16:creationId xmlns:a16="http://schemas.microsoft.com/office/drawing/2014/main" id="{E12F35FB-2851-4C85-8526-14EA915B1CC4}"/>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22" name="Espace réservé du contenu 2">
            <a:extLst>
              <a:ext uri="{FF2B5EF4-FFF2-40B4-BE49-F238E27FC236}">
                <a16:creationId xmlns:a16="http://schemas.microsoft.com/office/drawing/2014/main" id="{321CAE11-D4FD-4D32-B74E-5057D2CED159}"/>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752163734"/>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Titre et contenu">
    <p:spTree>
      <p:nvGrpSpPr>
        <p:cNvPr id="1" name=""/>
        <p:cNvGrpSpPr/>
        <p:nvPr/>
      </p:nvGrpSpPr>
      <p:grpSpPr>
        <a:xfrm>
          <a:off x="0" y="0"/>
          <a:ext cx="0" cy="0"/>
          <a:chOff x="0" y="0"/>
          <a:chExt cx="0" cy="0"/>
        </a:xfrm>
      </p:grpSpPr>
      <p:pic>
        <p:nvPicPr>
          <p:cNvPr id="13" name="Image 12">
            <a:extLst>
              <a:ext uri="{FF2B5EF4-FFF2-40B4-BE49-F238E27FC236}">
                <a16:creationId xmlns:a16="http://schemas.microsoft.com/office/drawing/2014/main" id="{3CF3EE01-B7E9-49F2-9E95-9490CBDB5CB1}"/>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580467" y="1786"/>
            <a:ext cx="8608358" cy="6856214"/>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4" name="Forme libre 4">
            <a:extLst>
              <a:ext uri="{FF2B5EF4-FFF2-40B4-BE49-F238E27FC236}">
                <a16:creationId xmlns:a16="http://schemas.microsoft.com/office/drawing/2014/main" id="{ECD13681-8E95-43A0-9FA4-E97833C054FF}"/>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6" name="Espace réservé du contenu 2">
            <a:extLst>
              <a:ext uri="{FF2B5EF4-FFF2-40B4-BE49-F238E27FC236}">
                <a16:creationId xmlns:a16="http://schemas.microsoft.com/office/drawing/2014/main" id="{2A03AE89-49BD-4F1C-A620-9EC75D2C6E62}"/>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17705310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2_Titre et contenu">
    <p:spTree>
      <p:nvGrpSpPr>
        <p:cNvPr id="1" name=""/>
        <p:cNvGrpSpPr/>
        <p:nvPr/>
      </p:nvGrpSpPr>
      <p:grpSpPr>
        <a:xfrm>
          <a:off x="0" y="0"/>
          <a:ext cx="0" cy="0"/>
          <a:chOff x="0" y="0"/>
          <a:chExt cx="0" cy="0"/>
        </a:xfrm>
      </p:grpSpPr>
      <p:pic>
        <p:nvPicPr>
          <p:cNvPr id="12" name="Image 11">
            <a:extLst>
              <a:ext uri="{FF2B5EF4-FFF2-40B4-BE49-F238E27FC236}">
                <a16:creationId xmlns:a16="http://schemas.microsoft.com/office/drawing/2014/main" id="{2F20C2D6-E978-48E1-B8CE-1F1985FCF11D}"/>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179100" y="0"/>
            <a:ext cx="9009725" cy="6858000"/>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pic>
        <p:nvPicPr>
          <p:cNvPr id="10" name="Image 9">
            <a:extLst>
              <a:ext uri="{FF2B5EF4-FFF2-40B4-BE49-F238E27FC236}">
                <a16:creationId xmlns:a16="http://schemas.microsoft.com/office/drawing/2014/main" id="{EDA05870-152C-4288-BC6D-AB1E079AC37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369468" y="2"/>
            <a:ext cx="6338088" cy="6857999"/>
          </a:xfrm>
          <a:prstGeom prst="rect">
            <a:avLst/>
          </a:prstGeom>
        </p:spPr>
      </p:pic>
      <p:sp>
        <p:nvSpPr>
          <p:cNvPr id="14" name="Forme libre 4">
            <a:extLst>
              <a:ext uri="{FF2B5EF4-FFF2-40B4-BE49-F238E27FC236}">
                <a16:creationId xmlns:a16="http://schemas.microsoft.com/office/drawing/2014/main" id="{398F664A-D74B-4DDE-B9D5-EF0CF72E705B}"/>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3" name="Espace réservé du contenu 2">
            <a:extLst>
              <a:ext uri="{FF2B5EF4-FFF2-40B4-BE49-F238E27FC236}">
                <a16:creationId xmlns:a16="http://schemas.microsoft.com/office/drawing/2014/main" id="{866D5A15-09A1-4095-A88A-B4C744975E07}"/>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5" name="Titre 1">
            <a:extLst>
              <a:ext uri="{FF2B5EF4-FFF2-40B4-BE49-F238E27FC236}">
                <a16:creationId xmlns:a16="http://schemas.microsoft.com/office/drawing/2014/main" id="{5A7126DF-735D-4828-86B3-64472E00D896}"/>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54524608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re de section">
    <p:spTree>
      <p:nvGrpSpPr>
        <p:cNvPr id="1" name=""/>
        <p:cNvGrpSpPr/>
        <p:nvPr/>
      </p:nvGrpSpPr>
      <p:grpSpPr>
        <a:xfrm>
          <a:off x="0" y="0"/>
          <a:ext cx="0" cy="0"/>
          <a:chOff x="0" y="0"/>
          <a:chExt cx="0" cy="0"/>
        </a:xfrm>
      </p:grpSpPr>
      <p:pic>
        <p:nvPicPr>
          <p:cNvPr id="11" name="Image 10">
            <a:extLst>
              <a:ext uri="{FF2B5EF4-FFF2-40B4-BE49-F238E27FC236}">
                <a16:creationId xmlns:a16="http://schemas.microsoft.com/office/drawing/2014/main" id="{7BABA209-CC5E-4313-BA59-AAEF8A7DC930}"/>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A5D725FD-8597-4195-B2BC-61895E02BB75}"/>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2559144494"/>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1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AEB6939C-D94C-4D99-9C78-9DCA09A7EBFC}"/>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04504" y="0"/>
            <a:ext cx="10284321"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C790E358-7A91-43BA-B2C6-78B118E3CF77}"/>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Tree>
    <p:extLst>
      <p:ext uri="{BB962C8B-B14F-4D97-AF65-F5344CB8AC3E}">
        <p14:creationId xmlns:p14="http://schemas.microsoft.com/office/powerpoint/2010/main" val="380667962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olo e contenut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CCE0AD3A-3506-FB0E-4B53-915A9162134C}"/>
              </a:ext>
            </a:extLst>
          </p:cNvPr>
          <p:cNvSpPr>
            <a:spLocks noGrp="1"/>
          </p:cNvSpPr>
          <p:nvPr>
            <p:ph type="title"/>
          </p:nvPr>
        </p:nvSpPr>
        <p:spPr/>
        <p:txBody>
          <a:body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D99BBA30-F0B6-0C1A-464F-53617953B8B7}"/>
              </a:ext>
            </a:extLst>
          </p:cNvPr>
          <p:cNvSpPr>
            <a:spLocks noGrp="1"/>
          </p:cNvSpPr>
          <p:nvPr>
            <p:ph idx="1"/>
          </p:nvPr>
        </p:nvSpPr>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59CC8D75-FF71-7A76-B870-4BD6A1FE8568}"/>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B0A908F8-75BB-D7BA-58AC-CEA9B2C3EC79}"/>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CE492794-6AFE-C715-2EE7-3EF5A95C852D}"/>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741232682"/>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2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CBB77000-62E9-419F-AAA0-D666BF135A32}"/>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12532" y="0"/>
            <a:ext cx="10276293"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Tree>
    <p:extLst>
      <p:ext uri="{BB962C8B-B14F-4D97-AF65-F5344CB8AC3E}">
        <p14:creationId xmlns:p14="http://schemas.microsoft.com/office/powerpoint/2010/main" val="128981395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Disposition personnalisée">
    <p:spTree>
      <p:nvGrpSpPr>
        <p:cNvPr id="1" name=""/>
        <p:cNvGrpSpPr/>
        <p:nvPr/>
      </p:nvGrpSpPr>
      <p:grpSpPr>
        <a:xfrm>
          <a:off x="0" y="0"/>
          <a:ext cx="0" cy="0"/>
          <a:chOff x="0" y="0"/>
          <a:chExt cx="0" cy="0"/>
        </a:xfrm>
      </p:grpSpPr>
      <p:sp>
        <p:nvSpPr>
          <p:cNvPr id="3" name="Espace réservé de la date 2">
            <a:extLst>
              <a:ext uri="{FF2B5EF4-FFF2-40B4-BE49-F238E27FC236}">
                <a16:creationId xmlns:a16="http://schemas.microsoft.com/office/drawing/2014/main" id="{5F4374E4-3D4F-4A74-B83C-51EB44D71837}"/>
              </a:ext>
            </a:extLst>
          </p:cNvPr>
          <p:cNvSpPr>
            <a:spLocks noGrp="1"/>
          </p:cNvSpPr>
          <p:nvPr>
            <p:ph type="dt" sz="half" idx="10"/>
          </p:nvPr>
        </p:nvSpPr>
        <p:spPr/>
        <p:txBody>
          <a:bodyPr/>
          <a:lstStyle/>
          <a:p>
            <a:endParaRPr lang="fr-FR"/>
          </a:p>
        </p:txBody>
      </p:sp>
      <p:sp>
        <p:nvSpPr>
          <p:cNvPr id="4" name="Espace réservé du pied de page 3">
            <a:extLst>
              <a:ext uri="{FF2B5EF4-FFF2-40B4-BE49-F238E27FC236}">
                <a16:creationId xmlns:a16="http://schemas.microsoft.com/office/drawing/2014/main" id="{0A50BDF1-D008-4003-9C9F-F130FCE5ECE0}"/>
              </a:ext>
            </a:extLst>
          </p:cNvPr>
          <p:cNvSpPr>
            <a:spLocks noGrp="1"/>
          </p:cNvSpPr>
          <p:nvPr>
            <p:ph type="ftr" sz="quarter" idx="11"/>
          </p:nvPr>
        </p:nvSpPr>
        <p:spPr/>
        <p:txBody>
          <a:bodyPr/>
          <a:lstStyle/>
          <a:p>
            <a:endParaRPr lang="fr-FR"/>
          </a:p>
        </p:txBody>
      </p:sp>
      <p:sp>
        <p:nvSpPr>
          <p:cNvPr id="7" name="Titre 1">
            <a:extLst>
              <a:ext uri="{FF2B5EF4-FFF2-40B4-BE49-F238E27FC236}">
                <a16:creationId xmlns:a16="http://schemas.microsoft.com/office/drawing/2014/main" id="{ED1EBAC4-CBF3-4A3F-B9C6-FFBF098D6132}"/>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6" name="Espace réservé du graphique 5">
            <a:extLst>
              <a:ext uri="{FF2B5EF4-FFF2-40B4-BE49-F238E27FC236}">
                <a16:creationId xmlns:a16="http://schemas.microsoft.com/office/drawing/2014/main" id="{196E75BD-2C8B-420A-B9DB-D429BAA470D3}"/>
              </a:ext>
            </a:extLst>
          </p:cNvPr>
          <p:cNvSpPr>
            <a:spLocks noGrp="1"/>
          </p:cNvSpPr>
          <p:nvPr>
            <p:ph type="chart" sz="quarter" idx="13"/>
          </p:nvPr>
        </p:nvSpPr>
        <p:spPr>
          <a:xfrm>
            <a:off x="358682" y="1277939"/>
            <a:ext cx="5026304" cy="4332287"/>
          </a:xfrm>
        </p:spPr>
        <p:txBody>
          <a:bodyPr/>
          <a:lstStyle/>
          <a:p>
            <a:endParaRPr lang="fr-FR"/>
          </a:p>
        </p:txBody>
      </p:sp>
      <p:sp>
        <p:nvSpPr>
          <p:cNvPr id="9" name="Espace réservé du texte 8">
            <a:extLst>
              <a:ext uri="{FF2B5EF4-FFF2-40B4-BE49-F238E27FC236}">
                <a16:creationId xmlns:a16="http://schemas.microsoft.com/office/drawing/2014/main" id="{00D4BBEC-29FF-41DD-9456-1E91CC9B8B11}"/>
              </a:ext>
            </a:extLst>
          </p:cNvPr>
          <p:cNvSpPr>
            <a:spLocks noGrp="1"/>
          </p:cNvSpPr>
          <p:nvPr>
            <p:ph type="body" sz="quarter" idx="14"/>
          </p:nvPr>
        </p:nvSpPr>
        <p:spPr>
          <a:xfrm>
            <a:off x="5716687" y="1277938"/>
            <a:ext cx="6129328" cy="4278312"/>
          </a:xfrm>
        </p:spPr>
        <p:txBody>
          <a:body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148383356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1_Disposition personnalisée">
    <p:spTree>
      <p:nvGrpSpPr>
        <p:cNvPr id="1" name=""/>
        <p:cNvGrpSpPr/>
        <p:nvPr/>
      </p:nvGrpSpPr>
      <p:grpSpPr>
        <a:xfrm>
          <a:off x="0" y="0"/>
          <a:ext cx="0" cy="0"/>
          <a:chOff x="0" y="0"/>
          <a:chExt cx="0" cy="0"/>
        </a:xfrm>
      </p:grpSpPr>
      <p:sp>
        <p:nvSpPr>
          <p:cNvPr id="3" name="Espace réservé de la date 2">
            <a:extLst>
              <a:ext uri="{FF2B5EF4-FFF2-40B4-BE49-F238E27FC236}">
                <a16:creationId xmlns:a16="http://schemas.microsoft.com/office/drawing/2014/main" id="{5F4374E4-3D4F-4A74-B83C-51EB44D71837}"/>
              </a:ext>
            </a:extLst>
          </p:cNvPr>
          <p:cNvSpPr>
            <a:spLocks noGrp="1"/>
          </p:cNvSpPr>
          <p:nvPr>
            <p:ph type="dt" sz="half" idx="10"/>
          </p:nvPr>
        </p:nvSpPr>
        <p:spPr/>
        <p:txBody>
          <a:bodyPr/>
          <a:lstStyle/>
          <a:p>
            <a:endParaRPr lang="fr-FR"/>
          </a:p>
        </p:txBody>
      </p:sp>
      <p:sp>
        <p:nvSpPr>
          <p:cNvPr id="4" name="Espace réservé du pied de page 3">
            <a:extLst>
              <a:ext uri="{FF2B5EF4-FFF2-40B4-BE49-F238E27FC236}">
                <a16:creationId xmlns:a16="http://schemas.microsoft.com/office/drawing/2014/main" id="{0A50BDF1-D008-4003-9C9F-F130FCE5ECE0}"/>
              </a:ext>
            </a:extLst>
          </p:cNvPr>
          <p:cNvSpPr>
            <a:spLocks noGrp="1"/>
          </p:cNvSpPr>
          <p:nvPr>
            <p:ph type="ftr" sz="quarter" idx="11"/>
          </p:nvPr>
        </p:nvSpPr>
        <p:spPr/>
        <p:txBody>
          <a:bodyPr/>
          <a:lstStyle/>
          <a:p>
            <a:endParaRPr lang="fr-FR"/>
          </a:p>
        </p:txBody>
      </p:sp>
      <p:sp>
        <p:nvSpPr>
          <p:cNvPr id="7" name="Titre 1">
            <a:extLst>
              <a:ext uri="{FF2B5EF4-FFF2-40B4-BE49-F238E27FC236}">
                <a16:creationId xmlns:a16="http://schemas.microsoft.com/office/drawing/2014/main" id="{ED1EBAC4-CBF3-4A3F-B9C6-FFBF098D6132}"/>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9" name="Espace réservé du texte 8">
            <a:extLst>
              <a:ext uri="{FF2B5EF4-FFF2-40B4-BE49-F238E27FC236}">
                <a16:creationId xmlns:a16="http://schemas.microsoft.com/office/drawing/2014/main" id="{00D4BBEC-29FF-41DD-9456-1E91CC9B8B11}"/>
              </a:ext>
            </a:extLst>
          </p:cNvPr>
          <p:cNvSpPr>
            <a:spLocks noGrp="1"/>
          </p:cNvSpPr>
          <p:nvPr>
            <p:ph type="body" sz="quarter" idx="14"/>
          </p:nvPr>
        </p:nvSpPr>
        <p:spPr>
          <a:xfrm>
            <a:off x="5716687" y="1277938"/>
            <a:ext cx="6129328" cy="4278312"/>
          </a:xfrm>
        </p:spPr>
        <p:txBody>
          <a:body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8" name="Espace réservé pour une image  7">
            <a:extLst>
              <a:ext uri="{FF2B5EF4-FFF2-40B4-BE49-F238E27FC236}">
                <a16:creationId xmlns:a16="http://schemas.microsoft.com/office/drawing/2014/main" id="{B8148F5C-5DA2-42B7-9003-8A0BCA603A6A}"/>
              </a:ext>
            </a:extLst>
          </p:cNvPr>
          <p:cNvSpPr>
            <a:spLocks noGrp="1"/>
          </p:cNvSpPr>
          <p:nvPr>
            <p:ph type="pic" sz="quarter" idx="15"/>
          </p:nvPr>
        </p:nvSpPr>
        <p:spPr>
          <a:xfrm>
            <a:off x="358682" y="1277938"/>
            <a:ext cx="5032652" cy="4348162"/>
          </a:xfrm>
        </p:spPr>
        <p:txBody>
          <a:bodyPr/>
          <a:lstStyle/>
          <a:p>
            <a:endParaRPr lang="fr-FR"/>
          </a:p>
        </p:txBody>
      </p:sp>
    </p:spTree>
    <p:extLst>
      <p:ext uri="{BB962C8B-B14F-4D97-AF65-F5344CB8AC3E}">
        <p14:creationId xmlns:p14="http://schemas.microsoft.com/office/powerpoint/2010/main" val="522240795"/>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4_Custom Layout">
    <p:spTree>
      <p:nvGrpSpPr>
        <p:cNvPr id="1" name=""/>
        <p:cNvGrpSpPr/>
        <p:nvPr/>
      </p:nvGrpSpPr>
      <p:grpSpPr>
        <a:xfrm>
          <a:off x="0" y="0"/>
          <a:ext cx="0" cy="0"/>
          <a:chOff x="0" y="0"/>
          <a:chExt cx="0" cy="0"/>
        </a:xfrm>
      </p:grpSpPr>
      <p:sp>
        <p:nvSpPr>
          <p:cNvPr id="8" name="Picture Placeholder 7"/>
          <p:cNvSpPr>
            <a:spLocks noGrp="1"/>
          </p:cNvSpPr>
          <p:nvPr>
            <p:ph type="pic" sz="quarter" idx="10"/>
          </p:nvPr>
        </p:nvSpPr>
        <p:spPr>
          <a:xfrm>
            <a:off x="2" y="0"/>
            <a:ext cx="6725111" cy="6858000"/>
          </a:xfrm>
          <a:custGeom>
            <a:avLst/>
            <a:gdLst>
              <a:gd name="connsiteX0" fmla="*/ 2 w 6726863"/>
              <a:gd name="connsiteY0" fmla="*/ 0 h 6858000"/>
              <a:gd name="connsiteX1" fmla="*/ 6374005 w 6726863"/>
              <a:gd name="connsiteY1" fmla="*/ 0 h 6858000"/>
              <a:gd name="connsiteX2" fmla="*/ 6521378 w 6726863"/>
              <a:gd name="connsiteY2" fmla="*/ 372455 h 6858000"/>
              <a:gd name="connsiteX3" fmla="*/ 8224 w 6726863"/>
              <a:gd name="connsiteY3" fmla="*/ 6858000 h 6858000"/>
              <a:gd name="connsiteX4" fmla="*/ 2 w 6726863"/>
              <a:gd name="connsiteY4" fmla="*/ 6849778 h 6858000"/>
              <a:gd name="connsiteX5" fmla="*/ 78 w 6726863"/>
              <a:gd name="connsiteY5" fmla="*/ 414229 h 6858000"/>
              <a:gd name="connsiteX6" fmla="*/ 0 w 6726863"/>
              <a:gd name="connsiteY6" fmla="*/ 390761 h 6858000"/>
              <a:gd name="connsiteX7" fmla="*/ 0 w 6726863"/>
              <a:gd name="connsiteY7" fmla="*/ 70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6726863" h="6858000">
                <a:moveTo>
                  <a:pt x="2" y="0"/>
                </a:moveTo>
                <a:lnTo>
                  <a:pt x="6374005" y="0"/>
                </a:lnTo>
                <a:lnTo>
                  <a:pt x="6521378" y="372455"/>
                </a:lnTo>
                <a:cubicBezTo>
                  <a:pt x="7869924" y="4246120"/>
                  <a:pt x="2222787" y="4643438"/>
                  <a:pt x="8224" y="6858000"/>
                </a:cubicBezTo>
                <a:lnTo>
                  <a:pt x="2" y="6849778"/>
                </a:lnTo>
                <a:cubicBezTo>
                  <a:pt x="833720" y="3504536"/>
                  <a:pt x="26870" y="4525726"/>
                  <a:pt x="78" y="414229"/>
                </a:cubicBezTo>
                <a:lnTo>
                  <a:pt x="0" y="390761"/>
                </a:lnTo>
                <a:lnTo>
                  <a:pt x="0" y="703"/>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Tree>
    <p:extLst>
      <p:ext uri="{BB962C8B-B14F-4D97-AF65-F5344CB8AC3E}">
        <p14:creationId xmlns:p14="http://schemas.microsoft.com/office/powerpoint/2010/main" val="3616713265"/>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About us 7">
    <p:spTree>
      <p:nvGrpSpPr>
        <p:cNvPr id="1" name=""/>
        <p:cNvGrpSpPr/>
        <p:nvPr/>
      </p:nvGrpSpPr>
      <p:grpSpPr>
        <a:xfrm>
          <a:off x="0" y="0"/>
          <a:ext cx="0" cy="0"/>
          <a:chOff x="0" y="0"/>
          <a:chExt cx="0" cy="0"/>
        </a:xfrm>
      </p:grpSpPr>
      <p:sp>
        <p:nvSpPr>
          <p:cNvPr id="9" name="Picture Placeholder 8">
            <a:extLst>
              <a:ext uri="{FF2B5EF4-FFF2-40B4-BE49-F238E27FC236}">
                <a16:creationId xmlns:a16="http://schemas.microsoft.com/office/drawing/2014/main" id="{75853509-16F4-4035-B7F1-2FECB044D74C}"/>
              </a:ext>
            </a:extLst>
          </p:cNvPr>
          <p:cNvSpPr>
            <a:spLocks noGrp="1"/>
          </p:cNvSpPr>
          <p:nvPr>
            <p:ph type="pic" sz="quarter" idx="12"/>
          </p:nvPr>
        </p:nvSpPr>
        <p:spPr>
          <a:xfrm>
            <a:off x="7503949" y="0"/>
            <a:ext cx="3954423" cy="3500062"/>
          </a:xfrm>
          <a:prstGeom prst="rect">
            <a:avLst/>
          </a:prstGeom>
          <a:pattFill prst="pct25">
            <a:fgClr>
              <a:schemeClr val="accent1"/>
            </a:fgClr>
            <a:bgClr>
              <a:schemeClr val="bg1"/>
            </a:bgClr>
          </a:pattFill>
        </p:spPr>
        <p:txBody>
          <a:bodyPr wrap="square">
            <a:noAutofit/>
          </a:bodyPr>
          <a:lstStyle>
            <a:lvl1pPr>
              <a:defRPr sz="1200"/>
            </a:lvl1pPr>
          </a:lstStyle>
          <a:p>
            <a:endParaRPr lang="en-US"/>
          </a:p>
        </p:txBody>
      </p:sp>
      <p:sp>
        <p:nvSpPr>
          <p:cNvPr id="8" name="Picture Placeholder 8">
            <a:extLst>
              <a:ext uri="{FF2B5EF4-FFF2-40B4-BE49-F238E27FC236}">
                <a16:creationId xmlns:a16="http://schemas.microsoft.com/office/drawing/2014/main" id="{3BF79EE5-F325-4076-BED1-41DA64BD05FA}"/>
              </a:ext>
            </a:extLst>
          </p:cNvPr>
          <p:cNvSpPr>
            <a:spLocks noGrp="1"/>
          </p:cNvSpPr>
          <p:nvPr>
            <p:ph type="pic" sz="quarter" idx="11"/>
          </p:nvPr>
        </p:nvSpPr>
        <p:spPr>
          <a:xfrm>
            <a:off x="0" y="0"/>
            <a:ext cx="2338561"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4" name="Rectangle 3">
            <a:extLst>
              <a:ext uri="{FF2B5EF4-FFF2-40B4-BE49-F238E27FC236}">
                <a16:creationId xmlns:a16="http://schemas.microsoft.com/office/drawing/2014/main" id="{82BA726A-65AD-4B2C-8AB7-90857E05ABA8}"/>
              </a:ext>
            </a:extLst>
          </p:cNvPr>
          <p:cNvSpPr/>
          <p:nvPr userDrawn="1"/>
        </p:nvSpPr>
        <p:spPr>
          <a:xfrm>
            <a:off x="2332606" y="0"/>
            <a:ext cx="4317803" cy="6858000"/>
          </a:xfrm>
          <a:prstGeom prst="rect">
            <a:avLst/>
          </a:prstGeom>
          <a:solidFill>
            <a:srgbClr val="F3F3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Tree>
    <p:extLst>
      <p:ext uri="{BB962C8B-B14F-4D97-AF65-F5344CB8AC3E}">
        <p14:creationId xmlns:p14="http://schemas.microsoft.com/office/powerpoint/2010/main" val="3522096154"/>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Service 2">
    <p:spTree>
      <p:nvGrpSpPr>
        <p:cNvPr id="1" name=""/>
        <p:cNvGrpSpPr/>
        <p:nvPr/>
      </p:nvGrpSpPr>
      <p:grpSpPr>
        <a:xfrm>
          <a:off x="0" y="0"/>
          <a:ext cx="0" cy="0"/>
          <a:chOff x="0" y="0"/>
          <a:chExt cx="0" cy="0"/>
        </a:xfrm>
      </p:grpSpPr>
      <p:grpSp>
        <p:nvGrpSpPr>
          <p:cNvPr id="8" name="Group 7">
            <a:extLst>
              <a:ext uri="{FF2B5EF4-FFF2-40B4-BE49-F238E27FC236}">
                <a16:creationId xmlns:a16="http://schemas.microsoft.com/office/drawing/2014/main" id="{C7C6F1CC-68FB-461B-9BCE-07814CC10CB2}"/>
              </a:ext>
            </a:extLst>
          </p:cNvPr>
          <p:cNvGrpSpPr/>
          <p:nvPr userDrawn="1"/>
        </p:nvGrpSpPr>
        <p:grpSpPr>
          <a:xfrm>
            <a:off x="0" y="3756"/>
            <a:ext cx="12182353" cy="6851567"/>
            <a:chOff x="0" y="3755"/>
            <a:chExt cx="12185526" cy="6851567"/>
          </a:xfrm>
          <a:solidFill>
            <a:srgbClr val="FAFAFC"/>
          </a:solidFill>
        </p:grpSpPr>
        <p:sp>
          <p:nvSpPr>
            <p:cNvPr id="9" name="Freeform: Shape 8">
              <a:extLst>
                <a:ext uri="{FF2B5EF4-FFF2-40B4-BE49-F238E27FC236}">
                  <a16:creationId xmlns:a16="http://schemas.microsoft.com/office/drawing/2014/main" id="{33E8AC0E-B8D6-4575-80E2-434AFFE5B08C}"/>
                </a:ext>
              </a:extLst>
            </p:cNvPr>
            <p:cNvSpPr/>
            <p:nvPr/>
          </p:nvSpPr>
          <p:spPr>
            <a:xfrm>
              <a:off x="2764272" y="3755"/>
              <a:ext cx="9421254" cy="6851567"/>
            </a:xfrm>
            <a:custGeom>
              <a:avLst/>
              <a:gdLst>
                <a:gd name="connsiteX0" fmla="*/ 5317818 w 9421254"/>
                <a:gd name="connsiteY0" fmla="*/ 0 h 6851567"/>
                <a:gd name="connsiteX1" fmla="*/ 7185959 w 9421254"/>
                <a:gd name="connsiteY1" fmla="*/ 5283626 h 6851567"/>
                <a:gd name="connsiteX2" fmla="*/ 3092231 w 9421254"/>
                <a:gd name="connsiteY2" fmla="*/ 4845810 h 6851567"/>
                <a:gd name="connsiteX3" fmla="*/ 0 w 9421254"/>
                <a:gd name="connsiteY3" fmla="*/ 6851568 h 6851567"/>
                <a:gd name="connsiteX4" fmla="*/ 9421254 w 9421254"/>
                <a:gd name="connsiteY4" fmla="*/ 6851568 h 6851567"/>
                <a:gd name="connsiteX5" fmla="*/ 9421254 w 9421254"/>
                <a:gd name="connsiteY5" fmla="*/ 0 h 6851567"/>
                <a:gd name="connsiteX6" fmla="*/ 5317818 w 9421254"/>
                <a:gd name="connsiteY6" fmla="*/ 0 h 68515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421254" h="6851567">
                  <a:moveTo>
                    <a:pt x="5317818" y="0"/>
                  </a:moveTo>
                  <a:cubicBezTo>
                    <a:pt x="5906849" y="815603"/>
                    <a:pt x="8237799" y="4198792"/>
                    <a:pt x="7185959" y="5283626"/>
                  </a:cubicBezTo>
                  <a:cubicBezTo>
                    <a:pt x="5986321" y="6520869"/>
                    <a:pt x="5043800" y="4922015"/>
                    <a:pt x="3092231" y="4845810"/>
                  </a:cubicBezTo>
                  <a:cubicBezTo>
                    <a:pt x="1478690" y="4782906"/>
                    <a:pt x="496253" y="5351204"/>
                    <a:pt x="0" y="6851568"/>
                  </a:cubicBezTo>
                  <a:lnTo>
                    <a:pt x="9421254" y="6851568"/>
                  </a:lnTo>
                  <a:lnTo>
                    <a:pt x="9421254" y="0"/>
                  </a:lnTo>
                  <a:lnTo>
                    <a:pt x="5317818" y="0"/>
                  </a:lnTo>
                  <a:close/>
                </a:path>
              </a:pathLst>
            </a:custGeom>
            <a:grpFill/>
            <a:ln w="360" cap="flat">
              <a:noFill/>
              <a:prstDash val="solid"/>
              <a:miter/>
            </a:ln>
          </p:spPr>
          <p:txBody>
            <a:bodyPr rtlCol="0" anchor="ctr"/>
            <a:lstStyle/>
            <a:p>
              <a:endParaRPr lang="en-US" sz="1799"/>
            </a:p>
          </p:txBody>
        </p:sp>
        <p:sp>
          <p:nvSpPr>
            <p:cNvPr id="10" name="Freeform: Shape 9">
              <a:extLst>
                <a:ext uri="{FF2B5EF4-FFF2-40B4-BE49-F238E27FC236}">
                  <a16:creationId xmlns:a16="http://schemas.microsoft.com/office/drawing/2014/main" id="{701D010D-A333-4E59-8A37-7C5D3EB17CB8}"/>
                </a:ext>
              </a:extLst>
            </p:cNvPr>
            <p:cNvSpPr/>
            <p:nvPr/>
          </p:nvSpPr>
          <p:spPr>
            <a:xfrm>
              <a:off x="0" y="3755"/>
              <a:ext cx="3182709" cy="4421274"/>
            </a:xfrm>
            <a:custGeom>
              <a:avLst/>
              <a:gdLst>
                <a:gd name="connsiteX0" fmla="*/ 1039254 w 3182709"/>
                <a:gd name="connsiteY0" fmla="*/ 0 h 4421274"/>
                <a:gd name="connsiteX1" fmla="*/ 1361100 w 3182709"/>
                <a:gd name="connsiteY1" fmla="*/ 1147380 h 4421274"/>
                <a:gd name="connsiteX2" fmla="*/ 0 w 3182709"/>
                <a:gd name="connsiteY2" fmla="*/ 4405119 h 4421274"/>
                <a:gd name="connsiteX3" fmla="*/ 0 w 3182709"/>
                <a:gd name="connsiteY3" fmla="*/ 0 h 4421274"/>
                <a:gd name="connsiteX4" fmla="*/ 1039254 w 3182709"/>
                <a:gd name="connsiteY4" fmla="*/ 0 h 44212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82709" h="4421274">
                  <a:moveTo>
                    <a:pt x="1039254" y="0"/>
                  </a:moveTo>
                  <a:cubicBezTo>
                    <a:pt x="868083" y="272107"/>
                    <a:pt x="522504" y="971966"/>
                    <a:pt x="1361100" y="1147380"/>
                  </a:cubicBezTo>
                  <a:cubicBezTo>
                    <a:pt x="4605443" y="1825311"/>
                    <a:pt x="3120640" y="4659972"/>
                    <a:pt x="0" y="4405119"/>
                  </a:cubicBezTo>
                  <a:lnTo>
                    <a:pt x="0" y="0"/>
                  </a:lnTo>
                  <a:lnTo>
                    <a:pt x="1039254" y="0"/>
                  </a:lnTo>
                  <a:close/>
                </a:path>
              </a:pathLst>
            </a:custGeom>
            <a:grpFill/>
            <a:ln w="360" cap="flat">
              <a:noFill/>
              <a:prstDash val="solid"/>
              <a:miter/>
            </a:ln>
          </p:spPr>
          <p:txBody>
            <a:bodyPr rtlCol="0" anchor="ctr"/>
            <a:lstStyle/>
            <a:p>
              <a:endParaRPr lang="en-US" sz="1799"/>
            </a:p>
          </p:txBody>
        </p:sp>
      </p:grpSp>
      <p:sp>
        <p:nvSpPr>
          <p:cNvPr id="13" name="Picture Placeholder 8">
            <a:extLst>
              <a:ext uri="{FF2B5EF4-FFF2-40B4-BE49-F238E27FC236}">
                <a16:creationId xmlns:a16="http://schemas.microsoft.com/office/drawing/2014/main" id="{C44CF92E-9A90-4FF3-8778-0F3E2642B267}"/>
              </a:ext>
            </a:extLst>
          </p:cNvPr>
          <p:cNvSpPr>
            <a:spLocks noGrp="1"/>
          </p:cNvSpPr>
          <p:nvPr>
            <p:ph type="pic" sz="quarter" idx="11"/>
          </p:nvPr>
        </p:nvSpPr>
        <p:spPr>
          <a:xfrm>
            <a:off x="1484788" y="1643682"/>
            <a:ext cx="3569707" cy="3570637"/>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7" name="Picture Placeholder 8">
            <a:extLst>
              <a:ext uri="{FF2B5EF4-FFF2-40B4-BE49-F238E27FC236}">
                <a16:creationId xmlns:a16="http://schemas.microsoft.com/office/drawing/2014/main" id="{943DCEE2-A93D-4BE0-9574-CAA82B5ECF8B}"/>
              </a:ext>
            </a:extLst>
          </p:cNvPr>
          <p:cNvSpPr>
            <a:spLocks noGrp="1"/>
          </p:cNvSpPr>
          <p:nvPr>
            <p:ph type="pic" sz="quarter" idx="13"/>
          </p:nvPr>
        </p:nvSpPr>
        <p:spPr>
          <a:xfrm>
            <a:off x="4276025" y="2508938"/>
            <a:ext cx="2003311" cy="2003832"/>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6" name="Picture Placeholder 8">
            <a:extLst>
              <a:ext uri="{FF2B5EF4-FFF2-40B4-BE49-F238E27FC236}">
                <a16:creationId xmlns:a16="http://schemas.microsoft.com/office/drawing/2014/main" id="{0FC76B96-9B5A-4B3A-ADC3-A12BE26A8BBC}"/>
              </a:ext>
            </a:extLst>
          </p:cNvPr>
          <p:cNvSpPr>
            <a:spLocks noGrp="1"/>
          </p:cNvSpPr>
          <p:nvPr>
            <p:ph type="pic" sz="quarter" idx="12"/>
          </p:nvPr>
        </p:nvSpPr>
        <p:spPr>
          <a:xfrm>
            <a:off x="7242532" y="4038780"/>
            <a:ext cx="1304061" cy="1304402"/>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1" name="Slide number">
            <a:extLst>
              <a:ext uri="{FF2B5EF4-FFF2-40B4-BE49-F238E27FC236}">
                <a16:creationId xmlns:a16="http://schemas.microsoft.com/office/drawing/2014/main" id="{8D1CE5A9-DBB7-46E7-9756-AAE5C7520747}"/>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05842998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About us 2">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E57D7D5D-07F5-4D1C-BBFB-C89E11CFB1BC}"/>
              </a:ext>
            </a:extLst>
          </p:cNvPr>
          <p:cNvSpPr>
            <a:spLocks noGrp="1"/>
          </p:cNvSpPr>
          <p:nvPr>
            <p:ph type="pic" sz="quarter" idx="12"/>
          </p:nvPr>
        </p:nvSpPr>
        <p:spPr>
          <a:xfrm>
            <a:off x="1880714" y="4613940"/>
            <a:ext cx="891060" cy="891292"/>
          </a:xfrm>
          <a:custGeom>
            <a:avLst/>
            <a:gdLst>
              <a:gd name="connsiteX0" fmla="*/ 354853 w 709706"/>
              <a:gd name="connsiteY0" fmla="*/ 0 h 709706"/>
              <a:gd name="connsiteX1" fmla="*/ 709706 w 709706"/>
              <a:gd name="connsiteY1" fmla="*/ 354853 h 709706"/>
              <a:gd name="connsiteX2" fmla="*/ 354853 w 709706"/>
              <a:gd name="connsiteY2" fmla="*/ 709706 h 709706"/>
              <a:gd name="connsiteX3" fmla="*/ 0 w 709706"/>
              <a:gd name="connsiteY3" fmla="*/ 354853 h 709706"/>
              <a:gd name="connsiteX4" fmla="*/ 354853 w 709706"/>
              <a:gd name="connsiteY4" fmla="*/ 0 h 7097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09706" h="709706">
                <a:moveTo>
                  <a:pt x="354853" y="0"/>
                </a:moveTo>
                <a:cubicBezTo>
                  <a:pt x="550833" y="0"/>
                  <a:pt x="709706" y="158873"/>
                  <a:pt x="709706" y="354853"/>
                </a:cubicBezTo>
                <a:cubicBezTo>
                  <a:pt x="709706" y="550833"/>
                  <a:pt x="550833" y="709706"/>
                  <a:pt x="354853" y="709706"/>
                </a:cubicBezTo>
                <a:cubicBezTo>
                  <a:pt x="158873" y="709706"/>
                  <a:pt x="0" y="550833"/>
                  <a:pt x="0" y="354853"/>
                </a:cubicBezTo>
                <a:cubicBezTo>
                  <a:pt x="0" y="158873"/>
                  <a:pt x="158873" y="0"/>
                  <a:pt x="354853"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8" name="Picture Placeholder 9">
            <a:extLst>
              <a:ext uri="{FF2B5EF4-FFF2-40B4-BE49-F238E27FC236}">
                <a16:creationId xmlns:a16="http://schemas.microsoft.com/office/drawing/2014/main" id="{8084CA13-1BB4-41A5-9E5E-45DAE17D6F2E}"/>
              </a:ext>
            </a:extLst>
          </p:cNvPr>
          <p:cNvSpPr>
            <a:spLocks noGrp="1"/>
          </p:cNvSpPr>
          <p:nvPr>
            <p:ph type="pic" sz="quarter" idx="11"/>
          </p:nvPr>
        </p:nvSpPr>
        <p:spPr>
          <a:xfrm>
            <a:off x="7303772" y="1"/>
            <a:ext cx="4885054"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Freeform: Shape 5">
            <a:extLst>
              <a:ext uri="{FF2B5EF4-FFF2-40B4-BE49-F238E27FC236}">
                <a16:creationId xmlns:a16="http://schemas.microsoft.com/office/drawing/2014/main" id="{3996ACE5-9E6E-4F52-B8E3-00185F3083F8}"/>
              </a:ext>
            </a:extLst>
          </p:cNvPr>
          <p:cNvSpPr/>
          <p:nvPr userDrawn="1"/>
        </p:nvSpPr>
        <p:spPr>
          <a:xfrm>
            <a:off x="2" y="2286512"/>
            <a:ext cx="428217" cy="2963801"/>
          </a:xfrm>
          <a:custGeom>
            <a:avLst/>
            <a:gdLst>
              <a:gd name="connsiteX0" fmla="*/ 0 w 428329"/>
              <a:gd name="connsiteY0" fmla="*/ 0 h 2963801"/>
              <a:gd name="connsiteX1" fmla="*/ 34167 w 428329"/>
              <a:gd name="connsiteY1" fmla="*/ 82256 h 2963801"/>
              <a:gd name="connsiteX2" fmla="*/ 59351 w 428329"/>
              <a:gd name="connsiteY2" fmla="*/ 2846709 h 2963801"/>
              <a:gd name="connsiteX3" fmla="*/ 0 w 428329"/>
              <a:gd name="connsiteY3" fmla="*/ 2963801 h 2963801"/>
            </a:gdLst>
            <a:ahLst/>
            <a:cxnLst>
              <a:cxn ang="0">
                <a:pos x="connsiteX0" y="connsiteY0"/>
              </a:cxn>
              <a:cxn ang="0">
                <a:pos x="connsiteX1" y="connsiteY1"/>
              </a:cxn>
              <a:cxn ang="0">
                <a:pos x="connsiteX2" y="connsiteY2"/>
              </a:cxn>
              <a:cxn ang="0">
                <a:pos x="connsiteX3" y="connsiteY3"/>
              </a:cxn>
            </a:cxnLst>
            <a:rect l="l" t="t" r="r" b="b"/>
            <a:pathLst>
              <a:path w="428329" h="2963801">
                <a:moveTo>
                  <a:pt x="0" y="0"/>
                </a:moveTo>
                <a:lnTo>
                  <a:pt x="34167" y="82256"/>
                </a:lnTo>
                <a:cubicBezTo>
                  <a:pt x="345350" y="797922"/>
                  <a:pt x="726372" y="1462197"/>
                  <a:pt x="59351" y="2846709"/>
                </a:cubicBezTo>
                <a:lnTo>
                  <a:pt x="0" y="2963801"/>
                </a:lnTo>
                <a:close/>
              </a:path>
            </a:pathLst>
          </a:custGeom>
          <a:solidFill>
            <a:srgbClr val="5CDBE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5" name="Slide number">
            <a:extLst>
              <a:ext uri="{FF2B5EF4-FFF2-40B4-BE49-F238E27FC236}">
                <a16:creationId xmlns:a16="http://schemas.microsoft.com/office/drawing/2014/main" id="{1B435D2D-E083-4931-8C6C-79BCB9E26F7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9406698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userDrawn="1">
  <p:cSld name="Title Only ligh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62754DF-CB0E-46F9-AA3C-00BC673EBDF3}"/>
              </a:ext>
            </a:extLst>
          </p:cNvPr>
          <p:cNvSpPr>
            <a:spLocks noGrp="1"/>
          </p:cNvSpPr>
          <p:nvPr>
            <p:ph type="title"/>
          </p:nvPr>
        </p:nvSpPr>
        <p:spPr>
          <a:xfrm>
            <a:off x="526913" y="336253"/>
            <a:ext cx="11232489" cy="813819"/>
          </a:xfrm>
        </p:spPr>
        <p:txBody>
          <a:bodyPr/>
          <a:lstStyle/>
          <a:p>
            <a:r>
              <a:rPr lang="en-US"/>
              <a:t>Click to edit Master title style</a:t>
            </a:r>
          </a:p>
        </p:txBody>
      </p:sp>
    </p:spTree>
    <p:extLst>
      <p:ext uri="{BB962C8B-B14F-4D97-AF65-F5344CB8AC3E}">
        <p14:creationId xmlns:p14="http://schemas.microsoft.com/office/powerpoint/2010/main" val="2478068387"/>
      </p:ext>
    </p:extLst>
  </p:cSld>
  <p:clrMapOvr>
    <a:masterClrMapping/>
  </p:clrMapOvr>
  <p:transition>
    <p:fade/>
  </p:transition>
  <p:extLst>
    <p:ext uri="{DCECCB84-F9BA-43D5-87BE-67443E8EF086}">
      <p15:sldGuideLst xmlns:p15="http://schemas.microsoft.com/office/powerpoint/2012/main">
        <p15:guide id="3" orient="horz" pos="900">
          <p15:clr>
            <a:srgbClr val="5ACBF0"/>
          </p15:clr>
        </p15:guide>
        <p15:guide id="4" orient="horz" pos="1276">
          <p15:clr>
            <a:srgbClr val="5ACBF0"/>
          </p15:clr>
        </p15:guide>
        <p15:guide id="5" orient="horz" pos="288">
          <p15:clr>
            <a:srgbClr val="5ACBF0"/>
          </p15:clr>
        </p15:guide>
      </p15:sldGuideLst>
    </p:ext>
  </p:extLst>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Title Placeholder 1">
            <a:extLst>
              <a:ext uri="{FF2B5EF4-FFF2-40B4-BE49-F238E27FC236}">
                <a16:creationId xmlns:a16="http://schemas.microsoft.com/office/drawing/2014/main" id="{BDBC305C-A9C3-4278-AFC0-C99DFD80A68A}"/>
              </a:ext>
            </a:extLst>
          </p:cNvPr>
          <p:cNvSpPr>
            <a:spLocks noGrp="1"/>
          </p:cNvSpPr>
          <p:nvPr>
            <p:ph type="title" hasCustomPrompt="1"/>
          </p:nvPr>
        </p:nvSpPr>
        <p:spPr>
          <a:xfrm>
            <a:off x="426313" y="616958"/>
            <a:ext cx="11333087" cy="758022"/>
          </a:xfrm>
          <a:prstGeom prst="rect">
            <a:avLst/>
          </a:prstGeom>
        </p:spPr>
        <p:txBody>
          <a:bodyPr vert="horz" wrap="square" lIns="0" tIns="0" rIns="0" bIns="0" rtlCol="0" anchor="t">
            <a:noAutofit/>
          </a:bodyPr>
          <a:lstStyle>
            <a:lvl1pPr>
              <a:defRPr>
                <a:solidFill>
                  <a:srgbClr val="000000"/>
                </a:solidFill>
              </a:defRPr>
            </a:lvl1pPr>
          </a:lstStyle>
          <a:p>
            <a:r>
              <a:rPr lang="en-US"/>
              <a:t>Title</a:t>
            </a:r>
          </a:p>
        </p:txBody>
      </p:sp>
      <p:sp>
        <p:nvSpPr>
          <p:cNvPr id="4" name="Rectangle 3">
            <a:extLst>
              <a:ext uri="{FF2B5EF4-FFF2-40B4-BE49-F238E27FC236}">
                <a16:creationId xmlns:a16="http://schemas.microsoft.com/office/drawing/2014/main" id="{F8F14388-A4DC-3144-86C4-1E16B0078054}"/>
              </a:ext>
            </a:extLst>
          </p:cNvPr>
          <p:cNvSpPr/>
          <p:nvPr userDrawn="1"/>
        </p:nvSpPr>
        <p:spPr bwMode="auto">
          <a:xfrm rot="16200000">
            <a:off x="5945936" y="-5950789"/>
            <a:ext cx="292100" cy="12193678"/>
          </a:xfrm>
          <a:prstGeom prst="rect">
            <a:avLst/>
          </a:prstGeom>
          <a:solidFill>
            <a:srgbClr val="5CDBED"/>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06" tIns="146246" rIns="182806" bIns="146246" numCol="1" spcCol="0" rtlCol="0" fromWordArt="0" anchor="t" anchorCtr="0" forceAA="0" compatLnSpc="1">
            <a:prstTxWarp prst="textNoShape">
              <a:avLst/>
            </a:prstTxWarp>
            <a:noAutofit/>
          </a:bodyPr>
          <a:lstStyle/>
          <a:p>
            <a:pPr algn="ctr" defTabSz="932013"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spTree>
    <p:extLst>
      <p:ext uri="{BB962C8B-B14F-4D97-AF65-F5344CB8AC3E}">
        <p14:creationId xmlns:p14="http://schemas.microsoft.com/office/powerpoint/2010/main" val="3668961072"/>
      </p:ext>
    </p:extLst>
  </p:cSld>
  <p:clrMapOvr>
    <a:masterClrMapping/>
  </p:clrMapOvr>
  <p:transition>
    <p:fade/>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13_BLANK">
    <p:bg>
      <p:bgPr>
        <a:solidFill>
          <a:schemeClr val="bg1"/>
        </a:solidFill>
        <a:effectLst/>
      </p:bgPr>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B6D855B5-33FD-44AC-8D70-82F93AFAD4DA}"/>
              </a:ext>
            </a:extLst>
          </p:cNvPr>
          <p:cNvSpPr>
            <a:spLocks noGrp="1"/>
          </p:cNvSpPr>
          <p:nvPr>
            <p:ph type="body" sz="quarter" idx="10" hasCustomPrompt="1"/>
          </p:nvPr>
        </p:nvSpPr>
        <p:spPr>
          <a:xfrm>
            <a:off x="1197553" y="539316"/>
            <a:ext cx="2242335" cy="492443"/>
          </a:xfrm>
        </p:spPr>
        <p:txBody>
          <a:bodyPr tIns="0" bIns="0" anchor="ctr"/>
          <a:lstStyle>
            <a:lvl1pPr>
              <a:defRPr sz="1600" spc="0" baseline="0">
                <a:solidFill>
                  <a:schemeClr val="tx2"/>
                </a:solidFill>
              </a:defRPr>
            </a:lvl1pPr>
          </a:lstStyle>
          <a:p>
            <a:pPr lvl="0"/>
            <a:r>
              <a:rPr lang="en-US"/>
              <a:t>CLICK TO EDIT MASTER TEXT STYLES</a:t>
            </a:r>
          </a:p>
        </p:txBody>
      </p:sp>
      <p:sp>
        <p:nvSpPr>
          <p:cNvPr id="4" name="Text Placeholder 3">
            <a:extLst>
              <a:ext uri="{FF2B5EF4-FFF2-40B4-BE49-F238E27FC236}">
                <a16:creationId xmlns:a16="http://schemas.microsoft.com/office/drawing/2014/main" id="{11779AC8-33F0-47A5-8C0B-B60759134522}"/>
              </a:ext>
            </a:extLst>
          </p:cNvPr>
          <p:cNvSpPr>
            <a:spLocks noGrp="1"/>
          </p:cNvSpPr>
          <p:nvPr>
            <p:ph type="body" sz="quarter" idx="11"/>
          </p:nvPr>
        </p:nvSpPr>
        <p:spPr>
          <a:xfrm>
            <a:off x="457081" y="1265644"/>
            <a:ext cx="3962938" cy="276999"/>
          </a:xfrm>
        </p:spPr>
        <p:txBody>
          <a:bodyPr tIns="0" rIns="0" bIns="0"/>
          <a:lstStyle>
            <a:lvl1pPr>
              <a:defRPr sz="1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p:txBody>
      </p:sp>
      <p:sp>
        <p:nvSpPr>
          <p:cNvPr id="7" name="Text Placeholder 6">
            <a:extLst>
              <a:ext uri="{FF2B5EF4-FFF2-40B4-BE49-F238E27FC236}">
                <a16:creationId xmlns:a16="http://schemas.microsoft.com/office/drawing/2014/main" id="{C2ABD898-5940-4234-BE04-22A4B5EFAB25}"/>
              </a:ext>
            </a:extLst>
          </p:cNvPr>
          <p:cNvSpPr>
            <a:spLocks noGrp="1"/>
          </p:cNvSpPr>
          <p:nvPr>
            <p:ph type="body" sz="quarter" idx="12"/>
          </p:nvPr>
        </p:nvSpPr>
        <p:spPr>
          <a:xfrm>
            <a:off x="457080" y="3303362"/>
            <a:ext cx="3962939" cy="615553"/>
          </a:xfrm>
        </p:spPr>
        <p:txBody>
          <a:bodyPr/>
          <a:lstStyle>
            <a:lvl1pPr algn="l">
              <a:defRPr sz="2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8" name="Text Placeholder 6">
            <a:extLst>
              <a:ext uri="{FF2B5EF4-FFF2-40B4-BE49-F238E27FC236}">
                <a16:creationId xmlns:a16="http://schemas.microsoft.com/office/drawing/2014/main" id="{1092CC28-3B00-4BED-81DB-23E11FF5637E}"/>
              </a:ext>
            </a:extLst>
          </p:cNvPr>
          <p:cNvSpPr>
            <a:spLocks noGrp="1"/>
          </p:cNvSpPr>
          <p:nvPr>
            <p:ph type="body" sz="quarter" idx="13"/>
          </p:nvPr>
        </p:nvSpPr>
        <p:spPr>
          <a:xfrm>
            <a:off x="457080" y="4039951"/>
            <a:ext cx="3369206" cy="276999"/>
          </a:xfrm>
        </p:spPr>
        <p:txBody>
          <a:bodyPr tIns="0"/>
          <a:lstStyle>
            <a:lvl1pPr marL="171399" indent="-171399" algn="l">
              <a:spcAft>
                <a:spcPts val="400"/>
              </a:spcAft>
              <a:buFont typeface="Arial" panose="020B0604020202020204" pitchFamily="34" charset="0"/>
              <a:buChar char="•"/>
              <a:defRPr sz="1200" spc="0" baseline="0">
                <a:solidFill>
                  <a:schemeClr val="tx1"/>
                </a:solidFill>
                <a:latin typeface="+mn-lt"/>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12" name="Rectangle 11">
            <a:extLst>
              <a:ext uri="{FF2B5EF4-FFF2-40B4-BE49-F238E27FC236}">
                <a16:creationId xmlns:a16="http://schemas.microsoft.com/office/drawing/2014/main" id="{1E19E872-5140-45A8-B62A-46E06508F02A}"/>
              </a:ext>
            </a:extLst>
          </p:cNvPr>
          <p:cNvSpPr/>
          <p:nvPr userDrawn="1"/>
        </p:nvSpPr>
        <p:spPr bwMode="auto">
          <a:xfrm>
            <a:off x="6094412" y="0"/>
            <a:ext cx="6094413" cy="6858000"/>
          </a:xfrm>
          <a:prstGeom prst="rect">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32" tIns="146266" rIns="182832" bIns="146266"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grpSp>
        <p:nvGrpSpPr>
          <p:cNvPr id="9" name="Group 8">
            <a:extLst>
              <a:ext uri="{FF2B5EF4-FFF2-40B4-BE49-F238E27FC236}">
                <a16:creationId xmlns:a16="http://schemas.microsoft.com/office/drawing/2014/main" id="{BF846DF2-9D26-41A1-9445-FC25853E7590}"/>
              </a:ext>
            </a:extLst>
          </p:cNvPr>
          <p:cNvGrpSpPr/>
          <p:nvPr userDrawn="1"/>
        </p:nvGrpSpPr>
        <p:grpSpPr>
          <a:xfrm>
            <a:off x="475365" y="493777"/>
            <a:ext cx="583161" cy="583943"/>
            <a:chOff x="437407" y="353055"/>
            <a:chExt cx="583313" cy="583943"/>
          </a:xfrm>
        </p:grpSpPr>
        <p:sp>
          <p:nvSpPr>
            <p:cNvPr id="10" name="Oval 9">
              <a:extLst>
                <a:ext uri="{FF2B5EF4-FFF2-40B4-BE49-F238E27FC236}">
                  <a16:creationId xmlns:a16="http://schemas.microsoft.com/office/drawing/2014/main" id="{82B880B5-5C73-49E7-851D-F3529FC5ADFA}"/>
                </a:ext>
              </a:extLst>
            </p:cNvPr>
            <p:cNvSpPr/>
            <p:nvPr/>
          </p:nvSpPr>
          <p:spPr bwMode="auto">
            <a:xfrm>
              <a:off x="437407" y="353055"/>
              <a:ext cx="583313" cy="583943"/>
            </a:xfrm>
            <a:prstGeom prst="ellipse">
              <a:avLst/>
            </a:prstGeom>
            <a:solidFill>
              <a:schemeClr val="accent5"/>
            </a:solidFill>
            <a:ln w="57150">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80" tIns="146304" rIns="182880" bIns="146304"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a:gradFill>
                  <a:gsLst>
                    <a:gs pos="0">
                      <a:srgbClr val="FFFFFF"/>
                    </a:gs>
                    <a:gs pos="100000">
                      <a:srgbClr val="FFFFFF"/>
                    </a:gs>
                  </a:gsLst>
                  <a:lin ang="5400000" scaled="0"/>
                </a:gradFill>
                <a:ea typeface="Segoe UI" pitchFamily="34" charset="0"/>
                <a:cs typeface="Segoe UI" pitchFamily="34" charset="0"/>
              </a:endParaRPr>
            </a:p>
          </p:txBody>
        </p:sp>
        <p:pic>
          <p:nvPicPr>
            <p:cNvPr id="11" name="Picture 10">
              <a:extLst>
                <a:ext uri="{FF2B5EF4-FFF2-40B4-BE49-F238E27FC236}">
                  <a16:creationId xmlns:a16="http://schemas.microsoft.com/office/drawing/2014/main" id="{CD8191C7-7785-4DB3-95C5-65C43816F2ED}"/>
                </a:ext>
              </a:extLst>
            </p:cNvPr>
            <p:cNvPicPr>
              <a:picLocks noChangeAspect="1"/>
            </p:cNvPicPr>
            <p:nvPr/>
          </p:nvPicPr>
          <p:blipFill>
            <a:blip r:embed="rId2" cstate="screen">
              <a:extLst>
                <a:ext uri="{28A0092B-C50C-407E-A947-70E740481C1C}">
                  <a14:useLocalDpi xmlns:a14="http://schemas.microsoft.com/office/drawing/2010/main"/>
                </a:ext>
              </a:extLst>
            </a:blip>
            <a:srcRect/>
            <a:stretch/>
          </p:blipFill>
          <p:spPr>
            <a:xfrm>
              <a:off x="564564" y="478120"/>
              <a:ext cx="328999" cy="333813"/>
            </a:xfrm>
            <a:prstGeom prst="rect">
              <a:avLst/>
            </a:prstGeom>
          </p:spPr>
        </p:pic>
      </p:grpSp>
      <p:sp>
        <p:nvSpPr>
          <p:cNvPr id="13" name="Slide number">
            <a:extLst>
              <a:ext uri="{FF2B5EF4-FFF2-40B4-BE49-F238E27FC236}">
                <a16:creationId xmlns:a16="http://schemas.microsoft.com/office/drawing/2014/main" id="{4840AE9B-0E9D-4538-BF88-C8D43402FC9F}"/>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831624949"/>
      </p:ext>
    </p:extLst>
  </p:cSld>
  <p:clrMapOvr>
    <a:masterClrMapping/>
  </p:clrMapOvr>
  <p:transition>
    <p:fad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Intestazione sezione">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12216503-BDD7-5307-2421-B4759A1F9457}"/>
              </a:ext>
            </a:extLst>
          </p:cNvPr>
          <p:cNvSpPr>
            <a:spLocks noGrp="1"/>
          </p:cNvSpPr>
          <p:nvPr>
            <p:ph type="title"/>
          </p:nvPr>
        </p:nvSpPr>
        <p:spPr>
          <a:xfrm>
            <a:off x="831633" y="1709739"/>
            <a:ext cx="10512862" cy="2852737"/>
          </a:xfrm>
        </p:spPr>
        <p:txBody>
          <a:bodyPr anchor="b"/>
          <a:lstStyle>
            <a:lvl1pPr>
              <a:defRPr sz="5998"/>
            </a:lvl1pPr>
          </a:lstStyle>
          <a:p>
            <a:r>
              <a:rPr lang="it-IT"/>
              <a:t>Fare clic per modificare lo stile del titolo dello schema</a:t>
            </a:r>
          </a:p>
        </p:txBody>
      </p:sp>
      <p:sp>
        <p:nvSpPr>
          <p:cNvPr id="3" name="Segnaposto testo 2">
            <a:extLst>
              <a:ext uri="{FF2B5EF4-FFF2-40B4-BE49-F238E27FC236}">
                <a16:creationId xmlns:a16="http://schemas.microsoft.com/office/drawing/2014/main" id="{B57AA5DB-425C-DB22-107F-BE876243961A}"/>
              </a:ext>
            </a:extLst>
          </p:cNvPr>
          <p:cNvSpPr>
            <a:spLocks noGrp="1"/>
          </p:cNvSpPr>
          <p:nvPr>
            <p:ph type="body" idx="1"/>
          </p:nvPr>
        </p:nvSpPr>
        <p:spPr>
          <a:xfrm>
            <a:off x="831633" y="4589464"/>
            <a:ext cx="10512862" cy="1500187"/>
          </a:xfrm>
        </p:spPr>
        <p:txBody>
          <a:bodyPr/>
          <a:lstStyle>
            <a:lvl1pPr marL="0" indent="0">
              <a:buNone/>
              <a:defRPr sz="2399">
                <a:solidFill>
                  <a:schemeClr val="tx1">
                    <a:tint val="75000"/>
                  </a:schemeClr>
                </a:solidFill>
              </a:defRPr>
            </a:lvl1pPr>
            <a:lvl2pPr marL="457063" indent="0">
              <a:buNone/>
              <a:defRPr sz="1999">
                <a:solidFill>
                  <a:schemeClr val="tx1">
                    <a:tint val="75000"/>
                  </a:schemeClr>
                </a:solidFill>
              </a:defRPr>
            </a:lvl2pPr>
            <a:lvl3pPr marL="914126" indent="0">
              <a:buNone/>
              <a:defRPr sz="1799">
                <a:solidFill>
                  <a:schemeClr val="tx1">
                    <a:tint val="75000"/>
                  </a:schemeClr>
                </a:solidFill>
              </a:defRPr>
            </a:lvl3pPr>
            <a:lvl4pPr marL="1371189" indent="0">
              <a:buNone/>
              <a:defRPr sz="1600">
                <a:solidFill>
                  <a:schemeClr val="tx1">
                    <a:tint val="75000"/>
                  </a:schemeClr>
                </a:solidFill>
              </a:defRPr>
            </a:lvl4pPr>
            <a:lvl5pPr marL="1828251" indent="0">
              <a:buNone/>
              <a:defRPr sz="1600">
                <a:solidFill>
                  <a:schemeClr val="tx1">
                    <a:tint val="75000"/>
                  </a:schemeClr>
                </a:solidFill>
              </a:defRPr>
            </a:lvl5pPr>
            <a:lvl6pPr marL="2285314" indent="0">
              <a:buNone/>
              <a:defRPr sz="1600">
                <a:solidFill>
                  <a:schemeClr val="tx1">
                    <a:tint val="75000"/>
                  </a:schemeClr>
                </a:solidFill>
              </a:defRPr>
            </a:lvl6pPr>
            <a:lvl7pPr marL="2742377" indent="0">
              <a:buNone/>
              <a:defRPr sz="1600">
                <a:solidFill>
                  <a:schemeClr val="tx1">
                    <a:tint val="75000"/>
                  </a:schemeClr>
                </a:solidFill>
              </a:defRPr>
            </a:lvl7pPr>
            <a:lvl8pPr marL="3199440" indent="0">
              <a:buNone/>
              <a:defRPr sz="1600">
                <a:solidFill>
                  <a:schemeClr val="tx1">
                    <a:tint val="75000"/>
                  </a:schemeClr>
                </a:solidFill>
              </a:defRPr>
            </a:lvl8pPr>
            <a:lvl9pPr marL="3656503" indent="0">
              <a:buNone/>
              <a:defRPr sz="1600">
                <a:solidFill>
                  <a:schemeClr val="tx1">
                    <a:tint val="75000"/>
                  </a:schemeClr>
                </a:solidFill>
              </a:defRPr>
            </a:lvl9pPr>
          </a:lstStyle>
          <a:p>
            <a:pPr lvl="0"/>
            <a:r>
              <a:rPr lang="it-IT"/>
              <a:t>Fare clic per modificare gli stili del testo dello schema</a:t>
            </a:r>
          </a:p>
        </p:txBody>
      </p:sp>
      <p:sp>
        <p:nvSpPr>
          <p:cNvPr id="4" name="Segnaposto data 3">
            <a:extLst>
              <a:ext uri="{FF2B5EF4-FFF2-40B4-BE49-F238E27FC236}">
                <a16:creationId xmlns:a16="http://schemas.microsoft.com/office/drawing/2014/main" id="{31EFC6FE-5860-5937-9EAC-044AC7319BC1}"/>
              </a:ext>
            </a:extLst>
          </p:cNvPr>
          <p:cNvSpPr>
            <a:spLocks noGrp="1"/>
          </p:cNvSpPr>
          <p:nvPr>
            <p:ph type="dt" sz="half" idx="10"/>
          </p:nvPr>
        </p:nvSpPr>
        <p:spPr/>
        <p:txBody>
          <a:bodyPr/>
          <a:lstStyle/>
          <a:p>
            <a:endParaRPr lang="fr-FR"/>
          </a:p>
        </p:txBody>
      </p:sp>
      <p:sp>
        <p:nvSpPr>
          <p:cNvPr id="5" name="Segnaposto piè di pagina 4">
            <a:extLst>
              <a:ext uri="{FF2B5EF4-FFF2-40B4-BE49-F238E27FC236}">
                <a16:creationId xmlns:a16="http://schemas.microsoft.com/office/drawing/2014/main" id="{57993E2A-C773-401A-1AE5-891743E88827}"/>
              </a:ext>
            </a:extLst>
          </p:cNvPr>
          <p:cNvSpPr>
            <a:spLocks noGrp="1"/>
          </p:cNvSpPr>
          <p:nvPr>
            <p:ph type="ftr" sz="quarter" idx="11"/>
          </p:nvPr>
        </p:nvSpPr>
        <p:spPr/>
        <p:txBody>
          <a:bodyPr/>
          <a:lstStyle/>
          <a:p>
            <a:endParaRPr lang="fr-FR"/>
          </a:p>
        </p:txBody>
      </p:sp>
      <p:sp>
        <p:nvSpPr>
          <p:cNvPr id="6" name="Segnaposto numero diapositiva 5">
            <a:extLst>
              <a:ext uri="{FF2B5EF4-FFF2-40B4-BE49-F238E27FC236}">
                <a16:creationId xmlns:a16="http://schemas.microsoft.com/office/drawing/2014/main" id="{7A6066F4-EF26-5A88-FD1D-429D7DC9267D}"/>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2049790593"/>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7982" y="365126"/>
            <a:ext cx="10512862" cy="768350"/>
          </a:xfrm>
        </p:spPr>
        <p:txBody>
          <a:bodyPr/>
          <a:lstStyle>
            <a:lvl1pPr algn="ctr">
              <a:defRPr/>
            </a:lvl1pPr>
          </a:lstStyle>
          <a:p>
            <a:r>
              <a:rPr lang="en-US"/>
              <a:t>Click to edit Master title style</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8A606CC1-1436-4FA3-B5BE-7FF06ED26E03}" type="slidenum">
              <a:rPr lang="en-US" smtClean="0"/>
              <a:t>‹N›</a:t>
            </a:fld>
            <a:endParaRPr lang="en-US"/>
          </a:p>
        </p:txBody>
      </p:sp>
      <p:cxnSp>
        <p:nvCxnSpPr>
          <p:cNvPr id="7" name="Straight Connector 6"/>
          <p:cNvCxnSpPr/>
          <p:nvPr userDrawn="1"/>
        </p:nvCxnSpPr>
        <p:spPr>
          <a:xfrm>
            <a:off x="4713647" y="1133476"/>
            <a:ext cx="276153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8516657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wipe(left)">
                                      <p:cBhvr>
                                        <p:cTn id="11"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BLANK D">
    <p:spTree>
      <p:nvGrpSpPr>
        <p:cNvPr id="1" name=""/>
        <p:cNvGrpSpPr/>
        <p:nvPr/>
      </p:nvGrpSpPr>
      <p:grpSpPr>
        <a:xfrm>
          <a:off x="0" y="0"/>
          <a:ext cx="0" cy="0"/>
          <a:chOff x="0" y="0"/>
          <a:chExt cx="0" cy="0"/>
        </a:xfrm>
      </p:grpSpPr>
    </p:spTree>
    <p:extLst>
      <p:ext uri="{BB962C8B-B14F-4D97-AF65-F5344CB8AC3E}">
        <p14:creationId xmlns:p14="http://schemas.microsoft.com/office/powerpoint/2010/main" val="2687205044"/>
      </p:ext>
    </p:extLst>
  </p:cSld>
  <p:clrMapOvr>
    <a:masterClrMapping/>
  </p:clrMapOvr>
  <p:transition>
    <p:fade/>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userDrawn="1">
  <p:cSld name="13_Custom Layou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670EB26-4929-4DF6-88F4-86BD30B030F0}"/>
              </a:ext>
            </a:extLst>
          </p:cNvPr>
          <p:cNvSpPr>
            <a:spLocks noGrp="1"/>
          </p:cNvSpPr>
          <p:nvPr>
            <p:ph type="title"/>
          </p:nvPr>
        </p:nvSpPr>
        <p:spPr>
          <a:xfrm>
            <a:off x="457084" y="311602"/>
            <a:ext cx="3738687" cy="899665"/>
          </a:xfrm>
        </p:spPr>
        <p:txBody>
          <a:bodyPr anchor="t"/>
          <a:lstStyle>
            <a:lvl1pPr>
              <a:defRPr>
                <a:solidFill>
                  <a:schemeClr val="bg1"/>
                </a:solidFill>
              </a:defRPr>
            </a:lvl1pPr>
          </a:lstStyle>
          <a:p>
            <a:r>
              <a:rPr lang="en-US"/>
              <a:t>Click to edit Master title style</a:t>
            </a:r>
          </a:p>
        </p:txBody>
      </p:sp>
    </p:spTree>
    <p:extLst>
      <p:ext uri="{BB962C8B-B14F-4D97-AF65-F5344CB8AC3E}">
        <p14:creationId xmlns:p14="http://schemas.microsoft.com/office/powerpoint/2010/main" val="829201676"/>
      </p:ext>
    </p:extLst>
  </p:cSld>
  <p:clrMapOvr>
    <a:masterClrMapping/>
  </p:clrMapOvr>
  <p:transition>
    <p:fade/>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2_Title and Content">
    <p:spTree>
      <p:nvGrpSpPr>
        <p:cNvPr id="1" name=""/>
        <p:cNvGrpSpPr/>
        <p:nvPr/>
      </p:nvGrpSpPr>
      <p:grpSpPr>
        <a:xfrm>
          <a:off x="0" y="0"/>
          <a:ext cx="0" cy="0"/>
          <a:chOff x="0" y="0"/>
          <a:chExt cx="0" cy="0"/>
        </a:xfrm>
      </p:grpSpPr>
      <p:sp>
        <p:nvSpPr>
          <p:cNvPr id="4" name="Text Placeholder 3"/>
          <p:cNvSpPr>
            <a:spLocks noGrp="1"/>
          </p:cNvSpPr>
          <p:nvPr>
            <p:ph type="body" sz="quarter" idx="10"/>
          </p:nvPr>
        </p:nvSpPr>
        <p:spPr>
          <a:xfrm>
            <a:off x="269169" y="1189178"/>
            <a:ext cx="11650488" cy="1985641"/>
          </a:xfrm>
        </p:spPr>
        <p:txBody>
          <a:bodyPr>
            <a:spAutoFit/>
          </a:bodyPr>
          <a:lstStyle>
            <a:lvl1pPr>
              <a:defRPr sz="3528"/>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Title 5"/>
          <p:cNvSpPr>
            <a:spLocks noGrp="1"/>
          </p:cNvSpPr>
          <p:nvPr>
            <p:ph type="title"/>
          </p:nvPr>
        </p:nvSpPr>
        <p:spPr/>
        <p:txBody>
          <a:bodyPr/>
          <a:lstStyle/>
          <a:p>
            <a:r>
              <a:rPr lang="en-US"/>
              <a:t>Click to edit Master title style</a:t>
            </a:r>
          </a:p>
        </p:txBody>
      </p:sp>
    </p:spTree>
    <p:extLst>
      <p:ext uri="{BB962C8B-B14F-4D97-AF65-F5344CB8AC3E}">
        <p14:creationId xmlns:p14="http://schemas.microsoft.com/office/powerpoint/2010/main" val="2959044647"/>
      </p:ext>
    </p:extLst>
  </p:cSld>
  <p:clrMapOvr>
    <a:masterClrMapping/>
  </p:clrMapOvr>
  <p:transition>
    <p:fade/>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userDrawn="1">
  <p:cSld name="Title &amp; 2-color Non-bullete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6" name="Text Placeholder 5"/>
          <p:cNvSpPr>
            <a:spLocks noGrp="1"/>
          </p:cNvSpPr>
          <p:nvPr>
            <p:ph type="body" sz="quarter" idx="10"/>
          </p:nvPr>
        </p:nvSpPr>
        <p:spPr>
          <a:xfrm>
            <a:off x="269169" y="1189178"/>
            <a:ext cx="11650488" cy="1985641"/>
          </a:xfrm>
        </p:spPr>
        <p:txBody>
          <a:bodyPr/>
          <a:lstStyle>
            <a:lvl1pPr marL="0" indent="0">
              <a:buNone/>
              <a:defRPr>
                <a:gradFill>
                  <a:gsLst>
                    <a:gs pos="1250">
                      <a:schemeClr val="tx2"/>
                    </a:gs>
                    <a:gs pos="99000">
                      <a:schemeClr val="tx2"/>
                    </a:gs>
                  </a:gsLst>
                  <a:lin ang="5400000" scaled="0"/>
                </a:gradFill>
              </a:defRPr>
            </a:lvl1pPr>
            <a:lvl2pPr marL="0" indent="0">
              <a:buFontTx/>
              <a:buNone/>
              <a:defRPr sz="1960"/>
            </a:lvl2pPr>
            <a:lvl3pPr marL="224030" indent="0">
              <a:buNone/>
              <a:defRPr/>
            </a:lvl3pPr>
            <a:lvl4pPr marL="448059" indent="0">
              <a:buNone/>
              <a:defRPr/>
            </a:lvl4pPr>
            <a:lvl5pPr marL="672088" indent="0">
              <a:buNone/>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669474004"/>
      </p:ext>
    </p:extLst>
  </p:cSld>
  <p:clrMapOvr>
    <a:masterClrMapping/>
  </p:clrMapOvr>
  <p:transition>
    <p:fade/>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userDrawn="1">
  <p:cSld name="Title &amp; Non-bullete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6" name="Text Placeholder 5"/>
          <p:cNvSpPr>
            <a:spLocks noGrp="1"/>
          </p:cNvSpPr>
          <p:nvPr>
            <p:ph type="body" sz="quarter" idx="10"/>
          </p:nvPr>
        </p:nvSpPr>
        <p:spPr>
          <a:xfrm>
            <a:off x="269169" y="1189178"/>
            <a:ext cx="11650488" cy="1985641"/>
          </a:xfrm>
        </p:spPr>
        <p:txBody>
          <a:bodyPr/>
          <a:lstStyle>
            <a:lvl1pPr marL="0" indent="0">
              <a:buNone/>
              <a:defRPr>
                <a:gradFill>
                  <a:gsLst>
                    <a:gs pos="1250">
                      <a:schemeClr val="tx1"/>
                    </a:gs>
                    <a:gs pos="99000">
                      <a:schemeClr val="tx1"/>
                    </a:gs>
                  </a:gsLst>
                  <a:lin ang="5400000" scaled="0"/>
                </a:gradFill>
              </a:defRPr>
            </a:lvl1pPr>
            <a:lvl2pPr marL="0" indent="0">
              <a:buFontTx/>
              <a:buNone/>
              <a:defRPr sz="1960"/>
            </a:lvl2pPr>
            <a:lvl3pPr marL="224030" indent="0">
              <a:buNone/>
              <a:defRPr/>
            </a:lvl3pPr>
            <a:lvl4pPr marL="448059" indent="0">
              <a:buNone/>
              <a:defRPr/>
            </a:lvl4pPr>
            <a:lvl5pPr marL="672088" indent="0">
              <a:buNone/>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007975611"/>
      </p:ext>
    </p:extLst>
  </p:cSld>
  <p:clrMapOvr>
    <a:masterClrMapping/>
  </p:clrMapOvr>
  <p:transition>
    <p:fade/>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userDrawn="1">
  <p:cSld name="2_Disposition personnalisé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Modifiez le style du titre</a:t>
            </a:r>
          </a:p>
        </p:txBody>
      </p:sp>
      <p:sp>
        <p:nvSpPr>
          <p:cNvPr id="3" name="Espace réservé de la date 2"/>
          <p:cNvSpPr>
            <a:spLocks noGrp="1"/>
          </p:cNvSpPr>
          <p:nvPr>
            <p:ph type="dt" sz="half" idx="10"/>
          </p:nvPr>
        </p:nvSpPr>
        <p:spPr/>
        <p:txBody>
          <a:bodyPr/>
          <a:lstStyle/>
          <a:p>
            <a:endParaRPr lang="fr-FR"/>
          </a:p>
        </p:txBody>
      </p:sp>
      <p:sp>
        <p:nvSpPr>
          <p:cNvPr id="4" name="Espace réservé du pied de page 3"/>
          <p:cNvSpPr>
            <a:spLocks noGrp="1"/>
          </p:cNvSpPr>
          <p:nvPr>
            <p:ph type="ftr" sz="quarter" idx="11"/>
          </p:nvPr>
        </p:nvSpPr>
        <p:spPr/>
        <p:txBody>
          <a:bodyPr/>
          <a:lstStyle/>
          <a:p>
            <a:endParaRPr lang="fr-FR"/>
          </a:p>
        </p:txBody>
      </p:sp>
      <p:sp>
        <p:nvSpPr>
          <p:cNvPr id="7" name="Espace réservé du contenu 6"/>
          <p:cNvSpPr>
            <a:spLocks noGrp="1"/>
          </p:cNvSpPr>
          <p:nvPr>
            <p:ph sz="quarter" idx="13"/>
          </p:nvPr>
        </p:nvSpPr>
        <p:spPr>
          <a:xfrm>
            <a:off x="609440" y="1790700"/>
            <a:ext cx="11122303" cy="4286250"/>
          </a:xfrm>
        </p:spPr>
        <p:txBody>
          <a:bodyPr vert="horz" lIns="91440" tIns="45720" rIns="91440" bIns="45720" rtlCol="0" anchor="ctr">
            <a:noAutofit/>
          </a:bodyPr>
          <a:lstStyle>
            <a:lvl1pPr>
              <a:defRPr lang="fr-FR" smtClean="0"/>
            </a:lvl1pPr>
            <a:lvl2pPr>
              <a:defRPr lang="fr-FR" sz="1400" smtClean="0">
                <a:solidFill>
                  <a:schemeClr val="tx1">
                    <a:lumMod val="65000"/>
                    <a:lumOff val="35000"/>
                  </a:schemeClr>
                </a:solidFill>
              </a:defRPr>
            </a:lvl2pPr>
            <a:lvl3pPr marL="804610" indent="-309465">
              <a:buClr>
                <a:srgbClr val="B1A089"/>
              </a:buClr>
              <a:buFont typeface="Wingdings" panose="05000000000000000000" pitchFamily="2" charset="2"/>
              <a:buChar char="§"/>
              <a:defRPr lang="fr-FR" sz="1400" smtClean="0">
                <a:solidFill>
                  <a:schemeClr val="tx1">
                    <a:lumMod val="65000"/>
                    <a:lumOff val="35000"/>
                  </a:schemeClr>
                </a:solidFill>
                <a:latin typeface="Myriad Pro" panose="020B0503030403020204" pitchFamily="34" charset="0"/>
              </a:defRPr>
            </a:lvl3pPr>
            <a:lvl4pPr marL="804610" indent="-309465">
              <a:buClr>
                <a:srgbClr val="B1A089"/>
              </a:buClr>
              <a:buFont typeface="Wingdings" panose="05000000000000000000" pitchFamily="2" charset="2"/>
              <a:buChar char="§"/>
              <a:defRPr lang="fr-FR" sz="1400" smtClean="0">
                <a:solidFill>
                  <a:schemeClr val="tx1">
                    <a:lumMod val="65000"/>
                    <a:lumOff val="35000"/>
                  </a:schemeClr>
                </a:solidFill>
                <a:latin typeface="Myriad Pro" panose="020B0503030403020204" pitchFamily="34" charset="0"/>
              </a:defRPr>
            </a:lvl4pPr>
            <a:lvl5pPr marL="804610" indent="-309465">
              <a:buClr>
                <a:srgbClr val="B1A089"/>
              </a:buClr>
              <a:buFont typeface="Wingdings" panose="05000000000000000000" pitchFamily="2" charset="2"/>
              <a:buChar char="§"/>
              <a:defRPr lang="fr-FR" sz="1400">
                <a:solidFill>
                  <a:schemeClr val="tx1">
                    <a:lumMod val="65000"/>
                    <a:lumOff val="35000"/>
                  </a:schemeClr>
                </a:solidFill>
                <a:latin typeface="Myriad Pro" panose="020B0503030403020204" pitchFamily="34" charset="0"/>
              </a:defRPr>
            </a:lvl5pPr>
          </a:lstStyle>
          <a:p>
            <a:pPr lvl="0" algn="just">
              <a:lnSpc>
                <a:spcPct val="102000"/>
              </a:lnSpc>
              <a:spcBef>
                <a:spcPts val="2399"/>
              </a:spcBef>
              <a:buClr>
                <a:srgbClr val="917C61"/>
              </a:buClr>
              <a:buFont typeface="Wingdings" panose="05000000000000000000" pitchFamily="2" charset="2"/>
              <a:buChar char="§"/>
            </a:pPr>
            <a:r>
              <a:rPr lang="fr-FR"/>
              <a:t>Modifier les styles du texte du masque</a:t>
            </a:r>
          </a:p>
          <a:p>
            <a:pPr lvl="1" algn="just">
              <a:lnSpc>
                <a:spcPct val="102000"/>
              </a:lnSpc>
              <a:spcBef>
                <a:spcPts val="600"/>
              </a:spcBef>
              <a:buClr>
                <a:srgbClr val="AF9E87"/>
              </a:buClr>
              <a:buFont typeface="Wingdings" panose="05000000000000000000" pitchFamily="2" charset="2"/>
              <a:buChar char="§"/>
            </a:pPr>
            <a:r>
              <a:rPr lang="fr-FR"/>
              <a:t>Deuxième niveau</a:t>
            </a:r>
          </a:p>
          <a:p>
            <a:pPr lvl="2"/>
            <a:r>
              <a:rPr lang="fr-FR"/>
              <a:t>Troisième niveau</a:t>
            </a:r>
          </a:p>
          <a:p>
            <a:pPr lvl="3"/>
            <a:r>
              <a:rPr lang="fr-FR"/>
              <a:t>Quatrième niveau</a:t>
            </a:r>
          </a:p>
          <a:p>
            <a:pPr lvl="4"/>
            <a:r>
              <a:rPr lang="fr-FR"/>
              <a:t>Cinquième niveau</a:t>
            </a:r>
          </a:p>
        </p:txBody>
      </p:sp>
    </p:spTree>
    <p:extLst>
      <p:ext uri="{BB962C8B-B14F-4D97-AF65-F5344CB8AC3E}">
        <p14:creationId xmlns:p14="http://schemas.microsoft.com/office/powerpoint/2010/main" val="3909517331"/>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23_Custom Layout">
    <p:spTree>
      <p:nvGrpSpPr>
        <p:cNvPr id="1" name=""/>
        <p:cNvGrpSpPr/>
        <p:nvPr/>
      </p:nvGrpSpPr>
      <p:grpSpPr>
        <a:xfrm>
          <a:off x="0" y="0"/>
          <a:ext cx="0" cy="0"/>
          <a:chOff x="0" y="0"/>
          <a:chExt cx="0" cy="0"/>
        </a:xfrm>
      </p:grpSpPr>
      <p:sp>
        <p:nvSpPr>
          <p:cNvPr id="16" name="Picture Placeholder 15"/>
          <p:cNvSpPr>
            <a:spLocks noGrp="1"/>
          </p:cNvSpPr>
          <p:nvPr>
            <p:ph type="pic" sz="quarter" idx="12"/>
          </p:nvPr>
        </p:nvSpPr>
        <p:spPr>
          <a:xfrm rot="20700000">
            <a:off x="780558" y="2014060"/>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7" name="Picture Placeholder 16"/>
          <p:cNvSpPr>
            <a:spLocks noGrp="1"/>
          </p:cNvSpPr>
          <p:nvPr>
            <p:ph type="pic" sz="quarter" idx="13"/>
          </p:nvPr>
        </p:nvSpPr>
        <p:spPr>
          <a:xfrm rot="900000">
            <a:off x="3524031" y="444258"/>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0 w 2093067"/>
              <a:gd name="connsiteY3" fmla="*/ 2093067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0" y="2093067"/>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8" name="Picture Placeholder 17"/>
          <p:cNvSpPr>
            <a:spLocks noGrp="1"/>
          </p:cNvSpPr>
          <p:nvPr>
            <p:ph type="pic" sz="quarter" idx="14"/>
          </p:nvPr>
        </p:nvSpPr>
        <p:spPr>
          <a:xfrm rot="20700000">
            <a:off x="6267501" y="1508834"/>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9" name="Picture Placeholder 18"/>
          <p:cNvSpPr>
            <a:spLocks noGrp="1"/>
          </p:cNvSpPr>
          <p:nvPr>
            <p:ph type="pic" sz="quarter" idx="15"/>
          </p:nvPr>
        </p:nvSpPr>
        <p:spPr>
          <a:xfrm rot="1800000">
            <a:off x="9209205" y="732323"/>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1 w 2093067"/>
              <a:gd name="connsiteY3" fmla="*/ 2093066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1" y="2093066"/>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Tree>
    <p:extLst>
      <p:ext uri="{BB962C8B-B14F-4D97-AF65-F5344CB8AC3E}">
        <p14:creationId xmlns:p14="http://schemas.microsoft.com/office/powerpoint/2010/main" val="2325490557"/>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userDrawn="1">
  <p:cSld name="4_Titre et contenu">
    <p:spTree>
      <p:nvGrpSpPr>
        <p:cNvPr id="1" name=""/>
        <p:cNvGrpSpPr/>
        <p:nvPr/>
      </p:nvGrpSpPr>
      <p:grpSpPr>
        <a:xfrm>
          <a:off x="0" y="0"/>
          <a:ext cx="0" cy="0"/>
          <a:chOff x="0" y="0"/>
          <a:chExt cx="0" cy="0"/>
        </a:xfrm>
      </p:grpSpPr>
      <p:pic>
        <p:nvPicPr>
          <p:cNvPr id="11" name="Picture 2" descr="C:\Users\i013733\AppData\Local\Microsoft\Windows\Temporary Internet Files\Content.IE5\IC3INUH8\274615_l_srgb_s_gl[1].jpg">
            <a:extLst>
              <a:ext uri="{FF2B5EF4-FFF2-40B4-BE49-F238E27FC236}">
                <a16:creationId xmlns:a16="http://schemas.microsoft.com/office/drawing/2014/main" id="{1F24891D-4133-4A3B-B715-0EE68E053AED}"/>
              </a:ext>
            </a:extLst>
          </p:cNvPr>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5370912" y="11797"/>
            <a:ext cx="6808338" cy="6848622"/>
          </a:xfrm>
          <a:prstGeom prst="rect">
            <a:avLst/>
          </a:prstGeom>
          <a:noFill/>
          <a:extLst>
            <a:ext uri="{909E8E84-426E-40DD-AFC4-6F175D3DCCD1}">
              <a14:hiddenFill xmlns:a14="http://schemas.microsoft.com/office/drawing/2010/main">
                <a:solidFill>
                  <a:srgbClr val="FFFFFF"/>
                </a:solidFill>
              </a14:hiddenFill>
            </a:ext>
          </a:extLst>
        </p:spPr>
      </p:pic>
      <p:sp>
        <p:nvSpPr>
          <p:cNvPr id="8" name="Forme libre 2">
            <a:extLst>
              <a:ext uri="{FF2B5EF4-FFF2-40B4-BE49-F238E27FC236}">
                <a16:creationId xmlns:a16="http://schemas.microsoft.com/office/drawing/2014/main" id="{2FC56465-8785-43B7-ACB2-504FCC7E9A04}"/>
              </a:ext>
            </a:extLst>
          </p:cNvPr>
          <p:cNvSpPr/>
          <p:nvPr userDrawn="1"/>
        </p:nvSpPr>
        <p:spPr>
          <a:xfrm>
            <a:off x="3888930" y="2"/>
            <a:ext cx="6655344"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sp>
        <p:nvSpPr>
          <p:cNvPr id="9" name="Forme libre 3">
            <a:extLst>
              <a:ext uri="{FF2B5EF4-FFF2-40B4-BE49-F238E27FC236}">
                <a16:creationId xmlns:a16="http://schemas.microsoft.com/office/drawing/2014/main" id="{244316E5-F434-4E84-A883-EE2441C35A68}"/>
              </a:ext>
            </a:extLst>
          </p:cNvPr>
          <p:cNvSpPr/>
          <p:nvPr userDrawn="1"/>
        </p:nvSpPr>
        <p:spPr>
          <a:xfrm>
            <a:off x="2889138" y="2"/>
            <a:ext cx="6658358"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pic>
        <p:nvPicPr>
          <p:cNvPr id="10" name="Image 9">
            <a:extLst>
              <a:ext uri="{FF2B5EF4-FFF2-40B4-BE49-F238E27FC236}">
                <a16:creationId xmlns:a16="http://schemas.microsoft.com/office/drawing/2014/main" id="{E4292A80-D419-4631-8E36-B39215D26EE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481105" y="-728"/>
            <a:ext cx="6228041" cy="6858000"/>
          </a:xfrm>
          <a:prstGeom prst="rect">
            <a:avLst/>
          </a:prstGeom>
        </p:spPr>
      </p:pic>
      <p:sp>
        <p:nvSpPr>
          <p:cNvPr id="12" name="Forme libre 4">
            <a:extLst>
              <a:ext uri="{FF2B5EF4-FFF2-40B4-BE49-F238E27FC236}">
                <a16:creationId xmlns:a16="http://schemas.microsoft.com/office/drawing/2014/main" id="{F0838871-4A65-42EC-B965-1BCB1C5C82C2}"/>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7" name="Slide number">
            <a:extLst>
              <a:ext uri="{FF2B5EF4-FFF2-40B4-BE49-F238E27FC236}">
                <a16:creationId xmlns:a16="http://schemas.microsoft.com/office/drawing/2014/main" id="{884C61E6-5113-4C8F-A7C9-CE7EE1B34E5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279354255"/>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
        <p:nvSpPr>
          <p:cNvPr id="13" name="Classification"/>
          <p:cNvSpPr txBox="1"/>
          <p:nvPr userDrawn="1"/>
        </p:nvSpPr>
        <p:spPr>
          <a:xfrm>
            <a:off x="287851" y="5769668"/>
            <a:ext cx="420266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19" name="Speaker"/>
          <p:cNvSpPr>
            <a:spLocks noGrp="1"/>
          </p:cNvSpPr>
          <p:nvPr userDrawn="1">
            <p:ph type="subTitle" idx="1" hasCustomPrompt="1"/>
          </p:nvPr>
        </p:nvSpPr>
        <p:spPr bwMode="black">
          <a:xfrm>
            <a:off x="287850" y="5130491"/>
            <a:ext cx="10893498"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3" name="Title"/>
          <p:cNvSpPr>
            <a:spLocks noGrp="1"/>
          </p:cNvSpPr>
          <p:nvPr>
            <p:ph type="title" hasCustomPrompt="1"/>
          </p:nvPr>
        </p:nvSpPr>
        <p:spPr>
          <a:xfrm>
            <a:off x="287850" y="4024430"/>
            <a:ext cx="10893498" cy="997196"/>
          </a:xfrm>
        </p:spPr>
        <p:txBody>
          <a:bodyPr vert="horz" wrap="square" lIns="0" tIns="0" rIns="0" bIns="0" rtlCol="0">
            <a:noAutofit/>
          </a:bodyPr>
          <a:lstStyle>
            <a:lvl1pPr>
              <a:lnSpc>
                <a:spcPct val="90000"/>
              </a:lnSpc>
              <a:defRPr lang="de-DE" sz="3598" dirty="0">
                <a:latin typeface="+mn-lt"/>
                <a:ea typeface="+mn-ea"/>
                <a:cs typeface="+mn-cs"/>
              </a:defRPr>
            </a:lvl1pPr>
          </a:lstStyle>
          <a:p>
            <a:pPr lvl="0"/>
            <a:r>
              <a:rPr lang="en-US"/>
              <a:t>Presentation Title </a:t>
            </a:r>
            <a:br>
              <a:rPr lang="en-US"/>
            </a:br>
            <a:r>
              <a:rPr lang="en-US"/>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2188824" cy="3430006"/>
          </a:xfrm>
          <a:noFill/>
        </p:spPr>
        <p:txBody>
          <a:bodyPr tIns="504000"/>
          <a:lstStyle>
            <a:lvl1pPr algn="ctr">
              <a:defRPr sz="1600">
                <a:solidFill>
                  <a:schemeClr val="tx1"/>
                </a:solidFill>
              </a:defRPr>
            </a:lvl1pPr>
          </a:lstStyle>
          <a:p>
            <a:r>
              <a:rPr lang="en-US"/>
              <a:t>Click to insert title image or illustration</a:t>
            </a:r>
          </a:p>
        </p:txBody>
      </p:sp>
    </p:spTree>
    <p:extLst>
      <p:ext uri="{BB962C8B-B14F-4D97-AF65-F5344CB8AC3E}">
        <p14:creationId xmlns:p14="http://schemas.microsoft.com/office/powerpoint/2010/main" val="2572662087"/>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7505">
          <p15:clr>
            <a:srgbClr val="FBAE40"/>
          </p15:clr>
        </p15:guide>
        <p15:guide id="2" orient="horz" pos="4144">
          <p15:clr>
            <a:srgbClr val="FBAE40"/>
          </p15:clr>
        </p15:guide>
        <p15:guide id="3" orient="horz" pos="2162">
          <p15:clr>
            <a:srgbClr val="FBAE40"/>
          </p15:clr>
        </p15:guide>
        <p15:guide id="4" pos="181">
          <p15:clr>
            <a:srgbClr val="FBAE40"/>
          </p15:clr>
        </p15:guide>
        <p15:guide id="5" orient="horz" pos="2534">
          <p15:clr>
            <a:srgbClr val="FBAE40"/>
          </p15:clr>
        </p15:guide>
        <p15:guide id="6" orient="horz" pos="3164">
          <p15:clr>
            <a:srgbClr val="FBAE40"/>
          </p15:clr>
        </p15:guide>
        <p15:guide id="7" orient="horz" pos="3232">
          <p15:clr>
            <a:srgbClr val="FBAE40"/>
          </p15:clr>
        </p15:guide>
        <p15:guide id="8" orient="horz" pos="3504">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ue contenuti">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C1211BB0-7945-5B99-E150-992F91D653ED}"/>
              </a:ext>
            </a:extLst>
          </p:cNvPr>
          <p:cNvSpPr>
            <a:spLocks noGrp="1"/>
          </p:cNvSpPr>
          <p:nvPr>
            <p:ph type="title"/>
          </p:nvPr>
        </p:nvSpPr>
        <p:spPr/>
        <p:txBody>
          <a:body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B264056D-6566-AB93-1517-E4BDBEE843A5}"/>
              </a:ext>
            </a:extLst>
          </p:cNvPr>
          <p:cNvSpPr>
            <a:spLocks noGrp="1"/>
          </p:cNvSpPr>
          <p:nvPr>
            <p:ph sz="half" idx="1"/>
          </p:nvPr>
        </p:nvSpPr>
        <p:spPr>
          <a:xfrm>
            <a:off x="837982" y="1825625"/>
            <a:ext cx="5180251" cy="435133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contenuto 3">
            <a:extLst>
              <a:ext uri="{FF2B5EF4-FFF2-40B4-BE49-F238E27FC236}">
                <a16:creationId xmlns:a16="http://schemas.microsoft.com/office/drawing/2014/main" id="{9B7EEBF9-AB76-3328-94D4-C0BF788DCD2D}"/>
              </a:ext>
            </a:extLst>
          </p:cNvPr>
          <p:cNvSpPr>
            <a:spLocks noGrp="1"/>
          </p:cNvSpPr>
          <p:nvPr>
            <p:ph sz="half" idx="2"/>
          </p:nvPr>
        </p:nvSpPr>
        <p:spPr>
          <a:xfrm>
            <a:off x="6170592" y="1825625"/>
            <a:ext cx="5180251" cy="435133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data 4">
            <a:extLst>
              <a:ext uri="{FF2B5EF4-FFF2-40B4-BE49-F238E27FC236}">
                <a16:creationId xmlns:a16="http://schemas.microsoft.com/office/drawing/2014/main" id="{B9548B9C-3936-C7E5-BB90-EC680063D136}"/>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FD5A1EC2-0975-8F5D-49C5-25B1BC02758C}"/>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1E4B41E9-A1C8-1E74-7533-914DC760F701}"/>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310686857"/>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7851" y="5093865"/>
            <a:ext cx="420266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7849" y="4268505"/>
            <a:ext cx="10895124"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4" name="Title 3"/>
          <p:cNvSpPr>
            <a:spLocks noGrp="1"/>
          </p:cNvSpPr>
          <p:nvPr>
            <p:ph type="title" hasCustomPrompt="1"/>
          </p:nvPr>
        </p:nvSpPr>
        <p:spPr>
          <a:xfrm>
            <a:off x="287850" y="2706317"/>
            <a:ext cx="10895124" cy="997196"/>
          </a:xfrm>
        </p:spPr>
        <p:txBody>
          <a:bodyPr>
            <a:noAutofit/>
          </a:bodyPr>
          <a:lstStyle>
            <a:lvl1pPr>
              <a:lnSpc>
                <a:spcPct val="90000"/>
              </a:lnSpc>
              <a:defRPr sz="3598"/>
            </a:lvl1pPr>
          </a:lstStyle>
          <a:p>
            <a:pPr fontAlgn="base">
              <a:spcBef>
                <a:spcPct val="50000"/>
              </a:spcBef>
              <a:spcAft>
                <a:spcPct val="0"/>
              </a:spcAft>
              <a:buClr>
                <a:srgbClr val="F0AB00"/>
              </a:buClr>
              <a:buSzPct val="80000"/>
            </a:pPr>
            <a:r>
              <a:rPr lang="en-US" sz="3598"/>
              <a:t>Presentation Title </a:t>
            </a:r>
            <a:br>
              <a:rPr lang="en-US" sz="3598"/>
            </a:br>
            <a:r>
              <a:rPr lang="en-US" sz="3598"/>
              <a:t>Goes Here and Here.</a:t>
            </a:r>
            <a:endParaRPr lang="de-DE" sz="3598" kern="0" err="1">
              <a:ea typeface="Arial Unicode MS" pitchFamily="34" charset="-128"/>
              <a:cs typeface="Arial Unicode MS" pitchFamily="34" charset="-128"/>
            </a:endParaRPr>
          </a:p>
        </p:txBody>
      </p:sp>
      <p:pic>
        <p:nvPicPr>
          <p:cNvPr id="10" name="SAP Logo" descr="SAP Logo" title="SAP Logo">
            <a:extLst>
              <a:ext uri="{FF2B5EF4-FFF2-40B4-BE49-F238E27FC236}">
                <a16:creationId xmlns:a16="http://schemas.microsoft.com/office/drawing/2014/main" id="{251CD224-43D4-4D54-87EA-DD5933D21141}"/>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Tree>
    <p:extLst>
      <p:ext uri="{BB962C8B-B14F-4D97-AF65-F5344CB8AC3E}">
        <p14:creationId xmlns:p14="http://schemas.microsoft.com/office/powerpoint/2010/main" val="1581905126"/>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orient="horz" pos="2688">
          <p15:clr>
            <a:srgbClr val="FBAE40"/>
          </p15:clr>
        </p15:guide>
        <p15:guide id="4" orient="horz" pos="2334">
          <p15:clr>
            <a:srgbClr val="FBAE40"/>
          </p15:clr>
        </p15:guide>
        <p15:guide id="5" orient="horz" pos="2960">
          <p15:clr>
            <a:srgbClr val="FBAE40"/>
          </p15:clr>
        </p15:guide>
        <p15:guide id="7" orient="horz" pos="4144">
          <p15:clr>
            <a:srgbClr val="FBAE40"/>
          </p15:clr>
        </p15:guide>
      </p15:sldGuideLst>
    </p:ext>
  </p:extLst>
</p:sldLayout>
</file>

<file path=ppt/slideLayouts/slideLayout41.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1233" y="963000"/>
            <a:ext cx="4929432" cy="4932000"/>
          </a:xfrm>
        </p:spPr>
        <p:txBody>
          <a:bodyPr/>
          <a:lstStyle/>
          <a:p>
            <a:r>
              <a:rPr lang="en-US"/>
              <a:t>Click icon to add picture</a:t>
            </a:r>
            <a:endParaRPr lang="de-DE"/>
          </a:p>
        </p:txBody>
      </p:sp>
      <p:sp>
        <p:nvSpPr>
          <p:cNvPr id="24" name="Classification"/>
          <p:cNvSpPr txBox="1"/>
          <p:nvPr userDrawn="1"/>
        </p:nvSpPr>
        <p:spPr>
          <a:xfrm>
            <a:off x="287851" y="5093865"/>
            <a:ext cx="420266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7851" y="4268505"/>
            <a:ext cx="6370112" cy="430887"/>
          </a:xfrm>
        </p:spPr>
        <p:txBody>
          <a:bodyPr wrap="square" anchor="t" anchorCtr="0">
            <a:noAutofit/>
          </a:bodyPr>
          <a:lstStyle>
            <a:lvl1pPr marL="0" marR="0" indent="0" algn="l" defTabSz="1087905"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3953" indent="0" algn="ctr">
              <a:buNone/>
              <a:defRPr>
                <a:solidFill>
                  <a:schemeClr val="tx1">
                    <a:tint val="75000"/>
                  </a:schemeClr>
                </a:solidFill>
              </a:defRPr>
            </a:lvl2pPr>
            <a:lvl3pPr marL="1087905" indent="0" algn="ctr">
              <a:buNone/>
              <a:defRPr>
                <a:solidFill>
                  <a:schemeClr val="tx1">
                    <a:tint val="75000"/>
                  </a:schemeClr>
                </a:solidFill>
              </a:defRPr>
            </a:lvl3pPr>
            <a:lvl4pPr marL="1631857" indent="0" algn="ctr">
              <a:buNone/>
              <a:defRPr>
                <a:solidFill>
                  <a:schemeClr val="tx1">
                    <a:tint val="75000"/>
                  </a:schemeClr>
                </a:solidFill>
              </a:defRPr>
            </a:lvl4pPr>
            <a:lvl5pPr marL="2175810" indent="0" algn="ctr">
              <a:buNone/>
              <a:defRPr>
                <a:solidFill>
                  <a:schemeClr val="tx1">
                    <a:tint val="75000"/>
                  </a:schemeClr>
                </a:solidFill>
              </a:defRPr>
            </a:lvl5pPr>
            <a:lvl6pPr marL="2719764" indent="0" algn="ctr">
              <a:buNone/>
              <a:defRPr>
                <a:solidFill>
                  <a:schemeClr val="tx1">
                    <a:tint val="75000"/>
                  </a:schemeClr>
                </a:solidFill>
              </a:defRPr>
            </a:lvl6pPr>
            <a:lvl7pPr marL="3263716" indent="0" algn="ctr">
              <a:buNone/>
              <a:defRPr>
                <a:solidFill>
                  <a:schemeClr val="tx1">
                    <a:tint val="75000"/>
                  </a:schemeClr>
                </a:solidFill>
              </a:defRPr>
            </a:lvl7pPr>
            <a:lvl8pPr marL="3807668" indent="0" algn="ctr">
              <a:buNone/>
              <a:defRPr>
                <a:solidFill>
                  <a:schemeClr val="tx1">
                    <a:tint val="75000"/>
                  </a:schemeClr>
                </a:solidFill>
              </a:defRPr>
            </a:lvl8pPr>
            <a:lvl9pPr marL="4351621" indent="0" algn="ctr">
              <a:buNone/>
              <a:defRPr>
                <a:solidFill>
                  <a:schemeClr val="tx1">
                    <a:tint val="75000"/>
                  </a:schemeClr>
                </a:solidFill>
              </a:defRPr>
            </a:lvl9pPr>
          </a:lstStyle>
          <a:p>
            <a:r>
              <a:rPr lang="en-US"/>
              <a:t>Speaker’s Name, SAP</a:t>
            </a:r>
          </a:p>
          <a:p>
            <a:pPr marL="0" marR="0" lvl="0" indent="0" algn="l" defTabSz="1087905"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8" name="Title 4"/>
          <p:cNvSpPr>
            <a:spLocks noGrp="1"/>
          </p:cNvSpPr>
          <p:nvPr>
            <p:ph type="title" hasCustomPrompt="1"/>
          </p:nvPr>
        </p:nvSpPr>
        <p:spPr>
          <a:xfrm>
            <a:off x="287852" y="2706317"/>
            <a:ext cx="6368682" cy="997196"/>
          </a:xfrm>
        </p:spPr>
        <p:txBody>
          <a:bodyPr>
            <a:noAutofit/>
          </a:bodyPr>
          <a:lstStyle>
            <a:lvl1pPr>
              <a:lnSpc>
                <a:spcPct val="90000"/>
              </a:lnSpc>
              <a:defRPr sz="3598"/>
            </a:lvl1pPr>
          </a:lstStyle>
          <a:p>
            <a:pPr fontAlgn="base">
              <a:spcBef>
                <a:spcPct val="50000"/>
              </a:spcBef>
              <a:spcAft>
                <a:spcPct val="0"/>
              </a:spcAft>
              <a:buClr>
                <a:srgbClr val="F0AB00"/>
              </a:buClr>
              <a:buSzPct val="80000"/>
            </a:pPr>
            <a:r>
              <a:rPr lang="en-US" sz="3598"/>
              <a:t>Presentation Title </a:t>
            </a:r>
            <a:br>
              <a:rPr lang="en-US" sz="3598"/>
            </a:br>
            <a:r>
              <a:rPr lang="en-US" sz="3598"/>
              <a:t>Goes Here and Here.</a:t>
            </a:r>
            <a:endParaRPr lang="de-DE" sz="3598" kern="0" err="1">
              <a:ea typeface="Arial Unicode MS" pitchFamily="34" charset="-128"/>
              <a:cs typeface="Arial Unicode MS" pitchFamily="34" charset="-128"/>
            </a:endParaRPr>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944075" y="6217668"/>
            <a:ext cx="1962613" cy="360000"/>
          </a:xfrm>
          <a:prstGeom prst="rect">
            <a:avLst/>
          </a:prstGeom>
        </p:spPr>
      </p:pic>
    </p:spTree>
    <p:extLst>
      <p:ext uri="{BB962C8B-B14F-4D97-AF65-F5344CB8AC3E}">
        <p14:creationId xmlns:p14="http://schemas.microsoft.com/office/powerpoint/2010/main" val="1110477048"/>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pos="4196">
          <p15:clr>
            <a:srgbClr val="FBAE40"/>
          </p15:clr>
        </p15:guide>
        <p15:guide id="4" orient="horz" pos="2688">
          <p15:clr>
            <a:srgbClr val="FBAE40"/>
          </p15:clr>
        </p15:guide>
        <p15:guide id="5" orient="horz" pos="2335">
          <p15:clr>
            <a:srgbClr val="FBAE40"/>
          </p15:clr>
        </p15:guide>
        <p15:guide id="6" orient="horz" pos="2960">
          <p15:clr>
            <a:srgbClr val="FBAE40"/>
          </p15:clr>
        </p15:guide>
        <p15:guide id="7" orient="horz" pos="4144">
          <p15:clr>
            <a:srgbClr val="FBAE40"/>
          </p15:clr>
        </p15:guide>
      </p15:sldGuideLst>
    </p:ext>
  </p:extLst>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3738" y="1620000"/>
            <a:ext cx="11179376" cy="4716000"/>
          </a:xfrm>
        </p:spPr>
        <p:txBody>
          <a:bodyPr>
            <a:normAutofit/>
          </a:bodyPr>
          <a:lstStyle>
            <a:lvl1pPr marL="0" marR="0" indent="0" algn="l" defTabSz="1087905" rtl="0" eaLnBrk="1" fontAlgn="auto" latinLnBrk="0" hangingPunct="1">
              <a:lnSpc>
                <a:spcPct val="100000"/>
              </a:lnSpc>
              <a:spcBef>
                <a:spcPts val="2998"/>
              </a:spcBef>
              <a:spcAft>
                <a:spcPts val="0"/>
              </a:spcAft>
              <a:buClr>
                <a:schemeClr val="accent1"/>
              </a:buClr>
              <a:buSzPct val="80000"/>
              <a:buFontTx/>
              <a:buNone/>
              <a:tabLst/>
              <a:defRPr sz="1998" b="0"/>
            </a:lvl1pPr>
            <a:lvl2pPr marL="179856" marR="0" indent="-179856" algn="l" defTabSz="1087905"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798"/>
            </a:lvl2pPr>
            <a:lvl3pPr marL="359712" marR="0" indent="-179244" algn="l" defTabSz="1087905" rtl="0" eaLnBrk="1" fontAlgn="auto" latinLnBrk="0" hangingPunct="1">
              <a:lnSpc>
                <a:spcPct val="100000"/>
              </a:lnSpc>
              <a:spcBef>
                <a:spcPts val="400"/>
              </a:spcBef>
              <a:spcAft>
                <a:spcPts val="0"/>
              </a:spcAft>
              <a:buClr>
                <a:schemeClr val="tx1"/>
              </a:buClr>
              <a:buSzPct val="100000"/>
              <a:buFont typeface="Arial" pitchFamily="34" charset="0"/>
              <a:buChar char="–"/>
              <a:tabLst/>
              <a:defRPr sz="1798" baseline="0"/>
            </a:lvl3pPr>
            <a:lvl4pPr marL="539568" marR="0" indent="-179856" algn="l" defTabSz="1087905"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a:t>Agenda Item/Divider Headline</a:t>
            </a:r>
          </a:p>
          <a:p>
            <a:pPr lvl="1"/>
            <a:r>
              <a:rPr lang="en-US"/>
              <a:t>Details</a:t>
            </a:r>
          </a:p>
        </p:txBody>
      </p:sp>
      <p:sp>
        <p:nvSpPr>
          <p:cNvPr id="3" name="Agenda title"/>
          <p:cNvSpPr>
            <a:spLocks noGrp="1"/>
          </p:cNvSpPr>
          <p:nvPr>
            <p:ph type="title" hasCustomPrompt="1"/>
          </p:nvPr>
        </p:nvSpPr>
        <p:spPr/>
        <p:txBody>
          <a:bodyPr/>
          <a:lstStyle>
            <a:lvl1pPr>
              <a:defRPr/>
            </a:lvl1pPr>
          </a:lstStyle>
          <a:p>
            <a:r>
              <a:rPr lang="en-US"/>
              <a:t>Agenda</a:t>
            </a:r>
          </a:p>
        </p:txBody>
      </p:sp>
    </p:spTree>
    <p:extLst>
      <p:ext uri="{BB962C8B-B14F-4D97-AF65-F5344CB8AC3E}">
        <p14:creationId xmlns:p14="http://schemas.microsoft.com/office/powerpoint/2010/main" val="4178332651"/>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7364">
          <p15:clr>
            <a:srgbClr val="FBAE40"/>
          </p15:clr>
        </p15:guide>
        <p15:guide id="4" orient="horz" pos="316">
          <p15:clr>
            <a:srgbClr val="FBAE40"/>
          </p15:clr>
        </p15:guide>
        <p15:guide id="5" orient="horz" pos="551">
          <p15:clr>
            <a:srgbClr val="FBAE40"/>
          </p15:clr>
        </p15:guide>
        <p15:guide id="6" orient="horz" pos="3992">
          <p15:clr>
            <a:srgbClr val="FBAE40"/>
          </p15:clr>
        </p15:guide>
      </p15:sldGuideLst>
    </p:ext>
  </p:extLst>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3738" y="3090446"/>
            <a:ext cx="11179376" cy="677108"/>
          </a:xfrm>
        </p:spPr>
        <p:txBody>
          <a:bodyPr anchor="ctr" anchorCtr="0">
            <a:noAutofit/>
          </a:bodyPr>
          <a:lstStyle>
            <a:lvl1pPr>
              <a:defRPr sz="4398">
                <a:solidFill>
                  <a:schemeClr val="tx1"/>
                </a:solidFill>
                <a:latin typeface="+mj-lt"/>
              </a:defRPr>
            </a:lvl1pPr>
          </a:lstStyle>
          <a:p>
            <a:r>
              <a:rPr lang="en-US"/>
              <a:t>Divider page</a:t>
            </a:r>
            <a:endParaRPr lang="de-DE"/>
          </a:p>
        </p:txBody>
      </p:sp>
      <p:sp>
        <p:nvSpPr>
          <p:cNvPr id="3" name="Slide number">
            <a:extLst>
              <a:ext uri="{FF2B5EF4-FFF2-40B4-BE49-F238E27FC236}">
                <a16:creationId xmlns:a16="http://schemas.microsoft.com/office/drawing/2014/main" id="{DE7282C4-F905-4677-9AC0-75EF43D240C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56841230"/>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317">
          <p15:clr>
            <a:srgbClr val="FBAE40"/>
          </p15:clr>
        </p15:guide>
        <p15:guide id="2" orient="horz" pos="2160">
          <p15:clr>
            <a:srgbClr val="FBAE40"/>
          </p15:clr>
        </p15:guide>
        <p15:guide id="3" pos="7364">
          <p15:clr>
            <a:srgbClr val="FBAE40"/>
          </p15:clr>
        </p15:guide>
      </p15:sldGuideLst>
    </p:ext>
  </p:extLst>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88825" cy="3430800"/>
          </a:xfrm>
          <a:noFill/>
        </p:spPr>
        <p:txBody>
          <a:bodyPr tIns="324000"/>
          <a:lstStyle>
            <a:lvl1pPr marL="0" marR="0" indent="0" algn="ctr" defTabSz="1087905"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7905" rtl="0" eaLnBrk="1" fontAlgn="auto" latinLnBrk="0" hangingPunct="1">
              <a:lnSpc>
                <a:spcPct val="100000"/>
              </a:lnSpc>
              <a:spcBef>
                <a:spcPts val="1200"/>
              </a:spcBef>
              <a:spcAft>
                <a:spcPts val="0"/>
              </a:spcAft>
              <a:buClr>
                <a:schemeClr val="accent1"/>
              </a:buClr>
              <a:buSzPct val="80000"/>
              <a:buFontTx/>
              <a:buNone/>
              <a:tabLst/>
              <a:defRPr/>
            </a:pPr>
            <a:r>
              <a:rPr lang="en-US"/>
              <a:t>Placeholder for image and illustration</a:t>
            </a:r>
          </a:p>
        </p:txBody>
      </p:sp>
      <p:sp>
        <p:nvSpPr>
          <p:cNvPr id="2" name="Divider text"/>
          <p:cNvSpPr>
            <a:spLocks noGrp="1"/>
          </p:cNvSpPr>
          <p:nvPr>
            <p:ph type="ctrTitle" hasCustomPrompt="1"/>
          </p:nvPr>
        </p:nvSpPr>
        <p:spPr bwMode="black">
          <a:xfrm>
            <a:off x="503738" y="1375046"/>
            <a:ext cx="11179376" cy="677108"/>
          </a:xfrm>
        </p:spPr>
        <p:txBody>
          <a:bodyPr anchor="t" anchorCtr="0">
            <a:noAutofit/>
          </a:bodyPr>
          <a:lstStyle>
            <a:lvl1pPr>
              <a:defRPr sz="4398">
                <a:solidFill>
                  <a:schemeClr val="tx1"/>
                </a:solidFill>
                <a:latin typeface="+mj-lt"/>
              </a:defRPr>
            </a:lvl1pPr>
          </a:lstStyle>
          <a:p>
            <a:r>
              <a:rPr lang="en-US"/>
              <a:t>Divider page</a:t>
            </a:r>
            <a:endParaRPr lang="de-DE"/>
          </a:p>
        </p:txBody>
      </p:sp>
      <p:sp>
        <p:nvSpPr>
          <p:cNvPr id="5" name="Slide number">
            <a:extLst>
              <a:ext uri="{FF2B5EF4-FFF2-40B4-BE49-F238E27FC236}">
                <a16:creationId xmlns:a16="http://schemas.microsoft.com/office/drawing/2014/main" id="{03A74646-D543-4FAC-B0C8-BC7E953F96E7}"/>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220836526"/>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orient="horz" pos="2160">
          <p15:clr>
            <a:srgbClr val="FBAE40"/>
          </p15:clr>
        </p15:guide>
        <p15:guide id="2" pos="7364">
          <p15:clr>
            <a:srgbClr val="FBAE40"/>
          </p15:clr>
        </p15:guide>
        <p15:guide id="3" pos="317">
          <p15:clr>
            <a:srgbClr val="FBAE40"/>
          </p15:clr>
        </p15:guide>
        <p15:guide id="4" orient="horz" pos="865">
          <p15:clr>
            <a:srgbClr val="FBAE40"/>
          </p15:clr>
        </p15:guide>
        <p15:guide id="5" orient="horz" pos="1294">
          <p15:clr>
            <a:srgbClr val="FBAE40"/>
          </p15:clr>
        </p15:guide>
      </p15:sldGuideLst>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59164"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3738"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709062278"/>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7364">
          <p15:clr>
            <a:srgbClr val="FBAE40"/>
          </p15:clr>
        </p15:guide>
        <p15:guide id="4" pos="3674">
          <p15:clr>
            <a:srgbClr val="FBAE40"/>
          </p15:clr>
        </p15:guide>
        <p15:guide id="5" pos="4007">
          <p15:clr>
            <a:srgbClr val="FBAE40"/>
          </p15:clr>
        </p15:guide>
        <p15:guide id="6" orient="horz" pos="317">
          <p15:clr>
            <a:srgbClr val="FBAE40"/>
          </p15:clr>
        </p15:guide>
        <p15:guide id="7" orient="horz" pos="551">
          <p15:clr>
            <a:srgbClr val="FBAE40"/>
          </p15:clr>
        </p15:guide>
        <p15:guide id="8" orient="horz" pos="1020">
          <p15:clr>
            <a:srgbClr val="FBAE40"/>
          </p15:clr>
        </p15:guide>
      </p15:sldGuideLst>
    </p:ext>
  </p:extLst>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2245"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6" name="Text Placeholder - column 2"/>
          <p:cNvSpPr>
            <a:spLocks noGrp="1"/>
          </p:cNvSpPr>
          <p:nvPr>
            <p:ph type="body" sz="quarter" idx="12" hasCustomPrompt="1"/>
          </p:nvPr>
        </p:nvSpPr>
        <p:spPr>
          <a:xfrm>
            <a:off x="4312992"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3738" y="1620000"/>
            <a:ext cx="3562144"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194963465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563">
          <p15:clr>
            <a:srgbClr val="FBAE40"/>
          </p15:clr>
        </p15:guide>
        <p15:guide id="4" pos="2717">
          <p15:clr>
            <a:srgbClr val="FBAE40"/>
          </p15:clr>
        </p15:guide>
        <p15:guide id="5" pos="4964">
          <p15:clr>
            <a:srgbClr val="FBAE40"/>
          </p15:clr>
        </p15:guide>
        <p15:guide id="6" pos="5119">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3990">
          <p15:clr>
            <a:srgbClr val="FBAE40"/>
          </p15:clr>
        </p15:guide>
      </p15:sldGuideLst>
    </p:ext>
  </p:extLst>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59164" y="4770000"/>
            <a:ext cx="5325226" cy="156600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2"/>
          <p:cNvSpPr>
            <a:spLocks noGrp="1"/>
          </p:cNvSpPr>
          <p:nvPr>
            <p:ph type="pic" sz="quarter" idx="14" hasCustomPrompt="1"/>
          </p:nvPr>
        </p:nvSpPr>
        <p:spPr bwMode="gray">
          <a:xfrm>
            <a:off x="6359164" y="1620000"/>
            <a:ext cx="5325226" cy="2631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3738" y="4770000"/>
            <a:ext cx="5325226" cy="156600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3738" y="1620000"/>
            <a:ext cx="5325226" cy="2631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626835843"/>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2678">
          <p15:clr>
            <a:srgbClr val="FBAE40"/>
          </p15:clr>
        </p15:guide>
        <p15:guide id="6" orient="horz" pos="3004">
          <p15:clr>
            <a:srgbClr val="FBAE40"/>
          </p15:clr>
        </p15:guide>
        <p15:guide id="7" orient="horz" pos="3991">
          <p15:clr>
            <a:srgbClr val="FBAE40"/>
          </p15:clr>
        </p15:guide>
        <p15:guide id="8" pos="3682">
          <p15:clr>
            <a:srgbClr val="FBAE40"/>
          </p15:clr>
        </p15:guide>
        <p15:guide id="9" pos="4000">
          <p15:clr>
            <a:srgbClr val="FBAE40"/>
          </p15:clr>
        </p15:guide>
        <p15:guide id="10" pos="7364">
          <p15:clr>
            <a:srgbClr val="FBAE40"/>
          </p15:clr>
        </p15:guide>
      </p15:sldGuideLst>
    </p:ext>
  </p:extLst>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4956"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3"/>
          <p:cNvSpPr>
            <a:spLocks noGrp="1"/>
          </p:cNvSpPr>
          <p:nvPr>
            <p:ph type="pic" sz="quarter" idx="14" hasCustomPrompt="1"/>
          </p:nvPr>
        </p:nvSpPr>
        <p:spPr bwMode="gray">
          <a:xfrm>
            <a:off x="8294956"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2"/>
          <p:cNvSpPr>
            <a:spLocks noGrp="1"/>
          </p:cNvSpPr>
          <p:nvPr>
            <p:ph type="body" sz="quarter" idx="15" hasCustomPrompt="1"/>
          </p:nvPr>
        </p:nvSpPr>
        <p:spPr>
          <a:xfrm>
            <a:off x="4399348"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2"/>
          <p:cNvSpPr>
            <a:spLocks noGrp="1"/>
          </p:cNvSpPr>
          <p:nvPr>
            <p:ph type="pic" sz="quarter" idx="16" hasCustomPrompt="1"/>
          </p:nvPr>
        </p:nvSpPr>
        <p:spPr bwMode="gray">
          <a:xfrm>
            <a:off x="4399348"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3738" y="4354923"/>
            <a:ext cx="3389434" cy="1981079"/>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3738" y="1620000"/>
            <a:ext cx="3389434" cy="2232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48447495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455">
          <p15:clr>
            <a:srgbClr val="FBAE40"/>
          </p15:clr>
        </p15:guide>
        <p15:guide id="4" pos="2773">
          <p15:clr>
            <a:srgbClr val="FBAE40"/>
          </p15:clr>
        </p15:guide>
        <p15:guide id="5" pos="4910">
          <p15:clr>
            <a:srgbClr val="FBAE40"/>
          </p15:clr>
        </p15:guide>
        <p15:guide id="6" pos="5227">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2428">
          <p15:clr>
            <a:srgbClr val="FBAE40"/>
          </p15:clr>
        </p15:guide>
        <p15:guide id="11" orient="horz" pos="2743">
          <p15:clr>
            <a:srgbClr val="FBAE40"/>
          </p15:clr>
        </p15:guide>
        <p15:guide id="12" orient="horz" pos="3991">
          <p15:clr>
            <a:srgbClr val="FBAE40"/>
          </p15:clr>
        </p15:guide>
      </p15:sldGuideLst>
    </p:ext>
  </p:extLst>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3738" y="3878220"/>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4"/>
          <p:cNvSpPr>
            <a:spLocks noGrp="1"/>
          </p:cNvSpPr>
          <p:nvPr>
            <p:ph type="pic" sz="quarter" idx="12" hasCustomPrompt="1"/>
          </p:nvPr>
        </p:nvSpPr>
        <p:spPr bwMode="gray">
          <a:xfrm>
            <a:off x="503738"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7" name="Text placeholder - column 2"/>
          <p:cNvSpPr>
            <a:spLocks noGrp="1"/>
          </p:cNvSpPr>
          <p:nvPr>
            <p:ph type="body" sz="quarter" idx="13" hasCustomPrompt="1"/>
          </p:nvPr>
        </p:nvSpPr>
        <p:spPr>
          <a:xfrm>
            <a:off x="9270048"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4"/>
          <p:cNvSpPr>
            <a:spLocks noGrp="1"/>
          </p:cNvSpPr>
          <p:nvPr>
            <p:ph type="pic" sz="quarter" idx="14" hasCustomPrompt="1"/>
          </p:nvPr>
        </p:nvSpPr>
        <p:spPr bwMode="gray">
          <a:xfrm>
            <a:off x="9270048"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 column 2"/>
          <p:cNvSpPr>
            <a:spLocks noGrp="1"/>
          </p:cNvSpPr>
          <p:nvPr>
            <p:ph type="body" sz="quarter" idx="15" hasCustomPrompt="1"/>
          </p:nvPr>
        </p:nvSpPr>
        <p:spPr>
          <a:xfrm>
            <a:off x="3425842"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4"/>
          <p:cNvSpPr>
            <a:spLocks noGrp="1"/>
          </p:cNvSpPr>
          <p:nvPr>
            <p:ph type="pic" sz="quarter" idx="16" hasCustomPrompt="1"/>
          </p:nvPr>
        </p:nvSpPr>
        <p:spPr bwMode="gray">
          <a:xfrm>
            <a:off x="3425842"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3" name="Text placeholder - column 2"/>
          <p:cNvSpPr>
            <a:spLocks noGrp="1"/>
          </p:cNvSpPr>
          <p:nvPr>
            <p:ph type="body" sz="quarter" idx="17" hasCustomPrompt="1"/>
          </p:nvPr>
        </p:nvSpPr>
        <p:spPr>
          <a:xfrm>
            <a:off x="6347946" y="3878221"/>
            <a:ext cx="2414342" cy="2457780"/>
          </a:xfrm>
        </p:spPr>
        <p:txBody>
          <a:bodyPr/>
          <a:lstStyle>
            <a:lvl1pPr>
              <a:spcBef>
                <a:spcPts val="600"/>
              </a:spcBef>
              <a:defRPr sz="1798"/>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4" name="Picture Placeholder 4"/>
          <p:cNvSpPr>
            <a:spLocks noGrp="1"/>
          </p:cNvSpPr>
          <p:nvPr>
            <p:ph type="pic" sz="quarter" idx="18" hasCustomPrompt="1"/>
          </p:nvPr>
        </p:nvSpPr>
        <p:spPr bwMode="gray">
          <a:xfrm>
            <a:off x="6347946" y="1620000"/>
            <a:ext cx="2414342" cy="1728000"/>
          </a:xfrm>
          <a:noFill/>
        </p:spPr>
        <p:txBody>
          <a:bodyPr vert="horz" lIns="0" tIns="180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441399446"/>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1">
          <p15:clr>
            <a:srgbClr val="FBAE40"/>
          </p15:clr>
        </p15:guide>
        <p15:guide id="5" orient="horz" pos="2110">
          <p15:clr>
            <a:srgbClr val="FBAE40"/>
          </p15:clr>
        </p15:guide>
        <p15:guide id="6" orient="horz" pos="2442">
          <p15:clr>
            <a:srgbClr val="FBAE40"/>
          </p15:clr>
        </p15:guide>
        <p15:guide id="7" orient="horz" pos="3990">
          <p15:clr>
            <a:srgbClr val="FBAE40"/>
          </p15:clr>
        </p15:guide>
        <p15:guide id="8" pos="1840">
          <p15:clr>
            <a:srgbClr val="FBAE40"/>
          </p15:clr>
        </p15:guide>
        <p15:guide id="9" pos="2159">
          <p15:clr>
            <a:srgbClr val="FBAE40"/>
          </p15:clr>
        </p15:guide>
        <p15:guide id="10" pos="3683">
          <p15:clr>
            <a:srgbClr val="FBAE40"/>
          </p15:clr>
        </p15:guide>
        <p15:guide id="11" pos="4000">
          <p15:clr>
            <a:srgbClr val="FBAE40"/>
          </p15:clr>
        </p15:guide>
        <p15:guide id="12" pos="5525">
          <p15:clr>
            <a:srgbClr val="FBAE40"/>
          </p15:clr>
        </p15:guide>
        <p15:guide id="13" pos="5842">
          <p15:clr>
            <a:srgbClr val="FBAE40"/>
          </p15:clr>
        </p15:guide>
        <p15:guide id="14" pos="7364">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nfront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035B8D41-3E81-C16F-E70F-D993EB09181C}"/>
              </a:ext>
            </a:extLst>
          </p:cNvPr>
          <p:cNvSpPr>
            <a:spLocks noGrp="1"/>
          </p:cNvSpPr>
          <p:nvPr>
            <p:ph type="title"/>
          </p:nvPr>
        </p:nvSpPr>
        <p:spPr>
          <a:xfrm>
            <a:off x="839569" y="365126"/>
            <a:ext cx="10512862" cy="1325563"/>
          </a:xfrm>
        </p:spPr>
        <p:txBody>
          <a:bodyPr/>
          <a:lstStyle/>
          <a:p>
            <a:r>
              <a:rPr lang="it-IT"/>
              <a:t>Fare clic per modificare lo stile del titolo dello schema</a:t>
            </a:r>
          </a:p>
        </p:txBody>
      </p:sp>
      <p:sp>
        <p:nvSpPr>
          <p:cNvPr id="3" name="Segnaposto testo 2">
            <a:extLst>
              <a:ext uri="{FF2B5EF4-FFF2-40B4-BE49-F238E27FC236}">
                <a16:creationId xmlns:a16="http://schemas.microsoft.com/office/drawing/2014/main" id="{6AAE6561-C34A-61B8-E90D-30A70D83190E}"/>
              </a:ext>
            </a:extLst>
          </p:cNvPr>
          <p:cNvSpPr>
            <a:spLocks noGrp="1"/>
          </p:cNvSpPr>
          <p:nvPr>
            <p:ph type="body" idx="1"/>
          </p:nvPr>
        </p:nvSpPr>
        <p:spPr>
          <a:xfrm>
            <a:off x="839570" y="1681163"/>
            <a:ext cx="5156444" cy="823912"/>
          </a:xfrm>
        </p:spPr>
        <p:txBody>
          <a:bodyPr anchor="b"/>
          <a:lstStyle>
            <a:lvl1pPr marL="0" indent="0">
              <a:buNone/>
              <a:defRPr sz="2399" b="1"/>
            </a:lvl1pPr>
            <a:lvl2pPr marL="457063" indent="0">
              <a:buNone/>
              <a:defRPr sz="1999" b="1"/>
            </a:lvl2pPr>
            <a:lvl3pPr marL="914126" indent="0">
              <a:buNone/>
              <a:defRPr sz="1799" b="1"/>
            </a:lvl3pPr>
            <a:lvl4pPr marL="1371189" indent="0">
              <a:buNone/>
              <a:defRPr sz="1600" b="1"/>
            </a:lvl4pPr>
            <a:lvl5pPr marL="1828251" indent="0">
              <a:buNone/>
              <a:defRPr sz="1600" b="1"/>
            </a:lvl5pPr>
            <a:lvl6pPr marL="2285314" indent="0">
              <a:buNone/>
              <a:defRPr sz="1600" b="1"/>
            </a:lvl6pPr>
            <a:lvl7pPr marL="2742377" indent="0">
              <a:buNone/>
              <a:defRPr sz="1600" b="1"/>
            </a:lvl7pPr>
            <a:lvl8pPr marL="3199440" indent="0">
              <a:buNone/>
              <a:defRPr sz="1600" b="1"/>
            </a:lvl8pPr>
            <a:lvl9pPr marL="3656503" indent="0">
              <a:buNone/>
              <a:defRPr sz="1600" b="1"/>
            </a:lvl9pPr>
          </a:lstStyle>
          <a:p>
            <a:pPr lvl="0"/>
            <a:r>
              <a:rPr lang="it-IT"/>
              <a:t>Fare clic per modificare gli stili del testo dello schema</a:t>
            </a:r>
          </a:p>
        </p:txBody>
      </p:sp>
      <p:sp>
        <p:nvSpPr>
          <p:cNvPr id="4" name="Segnaposto contenuto 3">
            <a:extLst>
              <a:ext uri="{FF2B5EF4-FFF2-40B4-BE49-F238E27FC236}">
                <a16:creationId xmlns:a16="http://schemas.microsoft.com/office/drawing/2014/main" id="{F2DE7C2B-EFD4-72FF-F6AD-1F5DA15D5181}"/>
              </a:ext>
            </a:extLst>
          </p:cNvPr>
          <p:cNvSpPr>
            <a:spLocks noGrp="1"/>
          </p:cNvSpPr>
          <p:nvPr>
            <p:ph sz="half" idx="2"/>
          </p:nvPr>
        </p:nvSpPr>
        <p:spPr>
          <a:xfrm>
            <a:off x="839570" y="2505075"/>
            <a:ext cx="5156444" cy="368458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testo 4">
            <a:extLst>
              <a:ext uri="{FF2B5EF4-FFF2-40B4-BE49-F238E27FC236}">
                <a16:creationId xmlns:a16="http://schemas.microsoft.com/office/drawing/2014/main" id="{E6E11661-1E93-9183-F963-06684B2972EC}"/>
              </a:ext>
            </a:extLst>
          </p:cNvPr>
          <p:cNvSpPr>
            <a:spLocks noGrp="1"/>
          </p:cNvSpPr>
          <p:nvPr>
            <p:ph type="body" sz="quarter" idx="3"/>
          </p:nvPr>
        </p:nvSpPr>
        <p:spPr>
          <a:xfrm>
            <a:off x="6170593" y="1681163"/>
            <a:ext cx="5181838" cy="823912"/>
          </a:xfrm>
        </p:spPr>
        <p:txBody>
          <a:bodyPr anchor="b"/>
          <a:lstStyle>
            <a:lvl1pPr marL="0" indent="0">
              <a:buNone/>
              <a:defRPr sz="2399" b="1"/>
            </a:lvl1pPr>
            <a:lvl2pPr marL="457063" indent="0">
              <a:buNone/>
              <a:defRPr sz="1999" b="1"/>
            </a:lvl2pPr>
            <a:lvl3pPr marL="914126" indent="0">
              <a:buNone/>
              <a:defRPr sz="1799" b="1"/>
            </a:lvl3pPr>
            <a:lvl4pPr marL="1371189" indent="0">
              <a:buNone/>
              <a:defRPr sz="1600" b="1"/>
            </a:lvl4pPr>
            <a:lvl5pPr marL="1828251" indent="0">
              <a:buNone/>
              <a:defRPr sz="1600" b="1"/>
            </a:lvl5pPr>
            <a:lvl6pPr marL="2285314" indent="0">
              <a:buNone/>
              <a:defRPr sz="1600" b="1"/>
            </a:lvl6pPr>
            <a:lvl7pPr marL="2742377" indent="0">
              <a:buNone/>
              <a:defRPr sz="1600" b="1"/>
            </a:lvl7pPr>
            <a:lvl8pPr marL="3199440" indent="0">
              <a:buNone/>
              <a:defRPr sz="1600" b="1"/>
            </a:lvl8pPr>
            <a:lvl9pPr marL="3656503" indent="0">
              <a:buNone/>
              <a:defRPr sz="1600" b="1"/>
            </a:lvl9pPr>
          </a:lstStyle>
          <a:p>
            <a:pPr lvl="0"/>
            <a:r>
              <a:rPr lang="it-IT"/>
              <a:t>Fare clic per modificare gli stili del testo dello schema</a:t>
            </a:r>
          </a:p>
        </p:txBody>
      </p:sp>
      <p:sp>
        <p:nvSpPr>
          <p:cNvPr id="6" name="Segnaposto contenuto 5">
            <a:extLst>
              <a:ext uri="{FF2B5EF4-FFF2-40B4-BE49-F238E27FC236}">
                <a16:creationId xmlns:a16="http://schemas.microsoft.com/office/drawing/2014/main" id="{495F092B-1E42-FC62-EABA-5D49B04A17BE}"/>
              </a:ext>
            </a:extLst>
          </p:cNvPr>
          <p:cNvSpPr>
            <a:spLocks noGrp="1"/>
          </p:cNvSpPr>
          <p:nvPr>
            <p:ph sz="quarter" idx="4"/>
          </p:nvPr>
        </p:nvSpPr>
        <p:spPr>
          <a:xfrm>
            <a:off x="6170593" y="2505075"/>
            <a:ext cx="5181838" cy="3684588"/>
          </a:xfrm>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7" name="Segnaposto data 6">
            <a:extLst>
              <a:ext uri="{FF2B5EF4-FFF2-40B4-BE49-F238E27FC236}">
                <a16:creationId xmlns:a16="http://schemas.microsoft.com/office/drawing/2014/main" id="{3AF5F596-FA57-04C9-92EF-7D549CBF29C1}"/>
              </a:ext>
            </a:extLst>
          </p:cNvPr>
          <p:cNvSpPr>
            <a:spLocks noGrp="1"/>
          </p:cNvSpPr>
          <p:nvPr>
            <p:ph type="dt" sz="half" idx="10"/>
          </p:nvPr>
        </p:nvSpPr>
        <p:spPr/>
        <p:txBody>
          <a:bodyPr/>
          <a:lstStyle/>
          <a:p>
            <a:endParaRPr lang="fr-FR"/>
          </a:p>
        </p:txBody>
      </p:sp>
      <p:sp>
        <p:nvSpPr>
          <p:cNvPr id="8" name="Segnaposto piè di pagina 7">
            <a:extLst>
              <a:ext uri="{FF2B5EF4-FFF2-40B4-BE49-F238E27FC236}">
                <a16:creationId xmlns:a16="http://schemas.microsoft.com/office/drawing/2014/main" id="{F72A5682-1590-42A4-93F5-F542AD3ADEE3}"/>
              </a:ext>
            </a:extLst>
          </p:cNvPr>
          <p:cNvSpPr>
            <a:spLocks noGrp="1"/>
          </p:cNvSpPr>
          <p:nvPr>
            <p:ph type="ftr" sz="quarter" idx="11"/>
          </p:nvPr>
        </p:nvSpPr>
        <p:spPr/>
        <p:txBody>
          <a:bodyPr/>
          <a:lstStyle/>
          <a:p>
            <a:endParaRPr lang="fr-FR"/>
          </a:p>
        </p:txBody>
      </p:sp>
      <p:sp>
        <p:nvSpPr>
          <p:cNvPr id="9" name="Segnaposto numero diapositiva 8">
            <a:extLst>
              <a:ext uri="{FF2B5EF4-FFF2-40B4-BE49-F238E27FC236}">
                <a16:creationId xmlns:a16="http://schemas.microsoft.com/office/drawing/2014/main" id="{C5E532FD-7908-CF0B-42B1-C34C815AD631}"/>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458293166"/>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3738" y="1800000"/>
            <a:ext cx="11179376" cy="3285032"/>
          </a:xfrm>
        </p:spPr>
        <p:txBody>
          <a:bodyPr/>
          <a:lstStyle>
            <a:lvl1pPr marL="395683" indent="-395683">
              <a:lnSpc>
                <a:spcPct val="90000"/>
              </a:lnSpc>
              <a:spcBef>
                <a:spcPts val="600"/>
              </a:spcBef>
              <a:defRPr sz="5995" b="1"/>
            </a:lvl1pPr>
            <a:lvl2pPr marL="395683" indent="0">
              <a:buNone/>
              <a:defRPr sz="1600"/>
            </a:lvl2pPr>
          </a:lstStyle>
          <a:p>
            <a:pPr lvl="0"/>
            <a:r>
              <a:rPr lang="en-US" noProof="0"/>
              <a:t>“Quote goes here </a:t>
            </a:r>
            <a:br>
              <a:rPr lang="en-US" noProof="0"/>
            </a:br>
            <a:r>
              <a:rPr lang="en-US" noProof="0"/>
              <a:t>and here.”</a:t>
            </a:r>
          </a:p>
          <a:p>
            <a:pPr lvl="1"/>
            <a:r>
              <a:rPr lang="en-US" noProof="0"/>
              <a:t>Source</a:t>
            </a:r>
          </a:p>
        </p:txBody>
      </p:sp>
    </p:spTree>
    <p:extLst>
      <p:ext uri="{BB962C8B-B14F-4D97-AF65-F5344CB8AC3E}">
        <p14:creationId xmlns:p14="http://schemas.microsoft.com/office/powerpoint/2010/main" val="265652606"/>
      </p:ext>
    </p:extLst>
  </p:cSld>
  <p:clrMapOvr>
    <a:masterClrMapping/>
  </p:clrMapOvr>
  <p:extLst>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2944" y="0"/>
            <a:ext cx="4065882"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p:cNvSpPr>
            <a:spLocks noGrp="1"/>
          </p:cNvSpPr>
          <p:nvPr>
            <p:ph type="body" sz="quarter" idx="11" hasCustomPrompt="1"/>
          </p:nvPr>
        </p:nvSpPr>
        <p:spPr bwMode="black">
          <a:xfrm>
            <a:off x="503737" y="1620000"/>
            <a:ext cx="7088308"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3" name="Title"/>
          <p:cNvSpPr>
            <a:spLocks noGrp="1"/>
          </p:cNvSpPr>
          <p:nvPr>
            <p:ph type="title" hasCustomPrompt="1"/>
          </p:nvPr>
        </p:nvSpPr>
        <p:spPr>
          <a:xfrm>
            <a:off x="503739" y="504000"/>
            <a:ext cx="7088308"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3852270320"/>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4786">
          <p15:clr>
            <a:srgbClr val="FBAE40"/>
          </p15:clr>
        </p15:guide>
        <p15:guide id="4" pos="5119">
          <p15:clr>
            <a:srgbClr val="FBAE40"/>
          </p15:clr>
        </p15:guide>
        <p15:guide id="5" orient="horz" pos="317">
          <p15:clr>
            <a:srgbClr val="FBAE40"/>
          </p15:clr>
        </p15:guide>
        <p15:guide id="6" orient="horz" pos="551">
          <p15:clr>
            <a:srgbClr val="FBAE40"/>
          </p15:clr>
        </p15:guide>
        <p15:guide id="7" orient="horz" pos="1020">
          <p15:clr>
            <a:srgbClr val="FBAE40"/>
          </p15:clr>
        </p15:guide>
      </p15:sldGuideLst>
    </p:ext>
  </p:extLst>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4413" y="0"/>
            <a:ext cx="6094413"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1/2"/>
          <p:cNvSpPr>
            <a:spLocks noGrp="1"/>
          </p:cNvSpPr>
          <p:nvPr>
            <p:ph type="body" sz="quarter" idx="11" hasCustomPrompt="1"/>
          </p:nvPr>
        </p:nvSpPr>
        <p:spPr bwMode="black">
          <a:xfrm>
            <a:off x="503737" y="1620000"/>
            <a:ext cx="5109338"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2" name="Title"/>
          <p:cNvSpPr>
            <a:spLocks noGrp="1"/>
          </p:cNvSpPr>
          <p:nvPr>
            <p:ph type="title" hasCustomPrompt="1"/>
          </p:nvPr>
        </p:nvSpPr>
        <p:spPr>
          <a:xfrm>
            <a:off x="503739" y="504000"/>
            <a:ext cx="5109338"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995625535"/>
      </p:ext>
    </p:extLst>
  </p:cSld>
  <p:clrMapOvr>
    <a:masterClrMapping/>
  </p:clrMapOvr>
  <p:extLst>
    <p:ext uri="{DCECCB84-F9BA-43D5-87BE-67443E8EF086}">
      <p15:sldGuideLst xmlns:p15="http://schemas.microsoft.com/office/powerpoint/2012/main">
        <p15:guide id="1" pos="384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3538">
          <p15:clr>
            <a:srgbClr val="FBAE40"/>
          </p15:clr>
        </p15:guide>
        <p15:guide id="7" pos="317">
          <p15:clr>
            <a:srgbClr val="FBAE40"/>
          </p15:clr>
        </p15:guide>
      </p15:sldGuideLst>
    </p:ext>
  </p:extLst>
</p:sldLayout>
</file>

<file path=ppt/slideLayouts/slideLayout53.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88825" cy="6858000"/>
          </a:xfrm>
          <a:noFill/>
        </p:spPr>
        <p:txBody>
          <a:bodyPr vert="horz" lIns="0" tIns="2448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3" name="Slide number">
            <a:extLst>
              <a:ext uri="{FF2B5EF4-FFF2-40B4-BE49-F238E27FC236}">
                <a16:creationId xmlns:a16="http://schemas.microsoft.com/office/drawing/2014/main" id="{EE6D259C-2803-4D04-8577-B1324D13F65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974953984"/>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59164" y="1620000"/>
            <a:ext cx="5325226" cy="4716000"/>
          </a:xfrm>
          <a:noFill/>
        </p:spPr>
        <p:txBody>
          <a:bodyPr vert="horz" lIns="0" tIns="1512000" rIns="0" bIns="0" rtlCol="0" anchor="t" anchorCtr="0">
            <a:noAutofit/>
          </a:bodyPr>
          <a:lstStyle>
            <a:lvl1pPr marL="0" indent="0" algn="ctr" defTabSz="1087905" rtl="0" eaLnBrk="1" latinLnBrk="0" hangingPunct="1">
              <a:spcBef>
                <a:spcPts val="1927"/>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screenshot</a:t>
            </a:r>
            <a:endParaRPr lang="de-DE"/>
          </a:p>
        </p:txBody>
      </p:sp>
      <p:sp>
        <p:nvSpPr>
          <p:cNvPr id="4" name="Text Placeholder"/>
          <p:cNvSpPr>
            <a:spLocks noGrp="1"/>
          </p:cNvSpPr>
          <p:nvPr>
            <p:ph type="body" sz="quarter" idx="10" hasCustomPrompt="1"/>
          </p:nvPr>
        </p:nvSpPr>
        <p:spPr>
          <a:xfrm>
            <a:off x="503738" y="1620000"/>
            <a:ext cx="5325226"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3739" y="504000"/>
            <a:ext cx="11180652"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791988625"/>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3_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3738" y="1620000"/>
            <a:ext cx="11179376" cy="4716000"/>
          </a:xfrm>
          <a:noFill/>
        </p:spPr>
        <p:txBody>
          <a:bodyPr tIns="1368000"/>
          <a:lstStyle>
            <a:lvl1pPr algn="ctr">
              <a:defRPr sz="1400" b="0"/>
            </a:lvl1pPr>
          </a:lstStyle>
          <a:p>
            <a:pPr lvl="0"/>
            <a:r>
              <a:rPr lang="en-US"/>
              <a:t>Click to add content</a:t>
            </a:r>
          </a:p>
        </p:txBody>
      </p:sp>
      <p:sp>
        <p:nvSpPr>
          <p:cNvPr id="2" name="Title"/>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111136511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7364">
          <p15:clr>
            <a:srgbClr val="FBAE40"/>
          </p15:clr>
        </p15:guide>
      </p15:sldGuideLst>
    </p:ext>
  </p:extLst>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720501" y="5994000"/>
            <a:ext cx="1962613" cy="360000"/>
          </a:xfrm>
          <a:prstGeom prst="rect">
            <a:avLst/>
          </a:prstGeom>
        </p:spPr>
      </p:pic>
      <p:sp>
        <p:nvSpPr>
          <p:cNvPr id="19" name="Copyright information English"/>
          <p:cNvSpPr txBox="1"/>
          <p:nvPr userDrawn="1"/>
        </p:nvSpPr>
        <p:spPr bwMode="black">
          <a:xfrm>
            <a:off x="502977" y="2645292"/>
            <a:ext cx="5869252" cy="3708708"/>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800" b="0" noProof="0"/>
              <a:t>© 2021 SAP SE or an SAP affiliate company. All rights reserved.</a:t>
            </a:r>
            <a:endParaRPr lang="de-DE" sz="800" kern="0">
              <a:ea typeface="Arial Unicode MS" pitchFamily="34" charset="-128"/>
              <a:cs typeface="Arial Unicode MS" pitchFamily="34" charset="-128"/>
            </a:endParaRPr>
          </a:p>
          <a:p>
            <a:pPr>
              <a:spcBef>
                <a:spcPts val="600"/>
              </a:spcBef>
            </a:pPr>
            <a:r>
              <a:rPr lang="en-US" sz="800" kern="120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a:solidFill>
                  <a:schemeClr val="tx1"/>
                </a:solidFill>
                <a:latin typeface="Arial"/>
                <a:ea typeface="Arial Unicode MS" panose="020B0604020202020204" pitchFamily="34" charset="-128"/>
                <a:cs typeface="+mn-cs"/>
              </a:rPr>
              <a:t> </a:t>
            </a:r>
            <a:r>
              <a:rPr lang="en-US" sz="800" kern="120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a:solidFill>
                  <a:schemeClr val="tx1"/>
                </a:solidFill>
                <a:latin typeface="Arial"/>
                <a:ea typeface="Arial Unicode MS" panose="020B0604020202020204" pitchFamily="34" charset="-128"/>
                <a:cs typeface="+mn-cs"/>
              </a:rPr>
              <a:t>See </a:t>
            </a:r>
            <a:r>
              <a:rPr lang="en-US" sz="800" kern="1200">
                <a:solidFill>
                  <a:schemeClr val="tx1"/>
                </a:solidFill>
                <a:latin typeface="Arial"/>
                <a:ea typeface="Arial Unicode MS" panose="020B0604020202020204" pitchFamily="34" charset="-128"/>
                <a:cs typeface="+mn-cs"/>
                <a:hlinkClick r:id="rId3"/>
              </a:rPr>
              <a:t>www.sap.com/copyright</a:t>
            </a:r>
            <a:r>
              <a:rPr lang="en-US" sz="800" kern="120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2977" y="2461400"/>
            <a:ext cx="2214236"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a:t>
            </a:r>
            <a:r>
              <a:rPr lang="en-US" sz="1100" b="1" kern="1200">
                <a:solidFill>
                  <a:schemeClr val="tx1"/>
                </a:solidFill>
                <a:latin typeface="Arial"/>
                <a:ea typeface="Arial Unicode MS" panose="020B0604020202020204" pitchFamily="34" charset="-128"/>
                <a:cs typeface="+mn-cs"/>
              </a:rPr>
              <a:t>/contactsap</a:t>
            </a:r>
          </a:p>
        </p:txBody>
      </p:sp>
      <p:sp>
        <p:nvSpPr>
          <p:cNvPr id="43" name="Follow all of SAP"/>
          <p:cNvSpPr txBox="1"/>
          <p:nvPr userDrawn="1"/>
        </p:nvSpPr>
        <p:spPr bwMode="black">
          <a:xfrm>
            <a:off x="502978" y="1461003"/>
            <a:ext cx="1227909"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0" kern="1200">
                <a:solidFill>
                  <a:schemeClr val="tx1"/>
                </a:solidFill>
                <a:latin typeface="Arial"/>
                <a:ea typeface="Arial Unicode MS" panose="020B0604020202020204" pitchFamily="34" charset="-128"/>
                <a:cs typeface="+mn-cs"/>
              </a:rPr>
              <a:t>Follow us</a:t>
            </a:r>
          </a:p>
        </p:txBody>
      </p:sp>
      <p:pic>
        <p:nvPicPr>
          <p:cNvPr id="10" name="Linkedin icon with link">
            <a:hlinkClick r:id="rId5"/>
            <a:extLst>
              <a:ext uri="{FF2B5EF4-FFF2-40B4-BE49-F238E27FC236}">
                <a16:creationId xmlns:a16="http://schemas.microsoft.com/office/drawing/2014/main" id="{D03BED7D-4C1C-D348-B7EC-3275C42250B4}"/>
              </a:ext>
            </a:extLst>
          </p:cNvPr>
          <p:cNvPicPr>
            <a:picLocks noChangeAspect="1"/>
          </p:cNvPicPr>
          <p:nvPr userDrawn="1"/>
        </p:nvPicPr>
        <p:blipFill>
          <a:blip r:embed="rId6" cstate="screen">
            <a:extLst>
              <a:ext uri="{28A0092B-C50C-407E-A947-70E740481C1C}">
                <a14:useLocalDpi xmlns:a14="http://schemas.microsoft.com/office/drawing/2010/main"/>
              </a:ext>
            </a:extLst>
          </a:blip>
          <a:srcRect/>
          <a:stretch/>
        </p:blipFill>
        <p:spPr>
          <a:xfrm>
            <a:off x="2256313" y="1749961"/>
            <a:ext cx="361621" cy="361809"/>
          </a:xfrm>
          <a:prstGeom prst="rect">
            <a:avLst/>
          </a:prstGeom>
        </p:spPr>
      </p:pic>
      <p:pic>
        <p:nvPicPr>
          <p:cNvPr id="11" name="YouTube icon with link">
            <a:hlinkClick r:id="rId7"/>
            <a:extLst>
              <a:ext uri="{FF2B5EF4-FFF2-40B4-BE49-F238E27FC236}">
                <a16:creationId xmlns:a16="http://schemas.microsoft.com/office/drawing/2014/main" id="{4550E8CF-5571-DB45-85AB-8ACD63D7F0D9}"/>
              </a:ext>
            </a:extLst>
          </p:cNvPr>
          <p:cNvPicPr>
            <a:picLocks noChangeAspect="1"/>
          </p:cNvPicPr>
          <p:nvPr userDrawn="1"/>
        </p:nvPicPr>
        <p:blipFill>
          <a:blip r:embed="rId8" cstate="screen">
            <a:extLst>
              <a:ext uri="{28A0092B-C50C-407E-A947-70E740481C1C}">
                <a14:useLocalDpi xmlns:a14="http://schemas.microsoft.com/office/drawing/2010/main"/>
              </a:ext>
            </a:extLst>
          </a:blip>
          <a:srcRect/>
          <a:stretch/>
        </p:blipFill>
        <p:spPr>
          <a:xfrm>
            <a:off x="1666084" y="1749063"/>
            <a:ext cx="363410" cy="363600"/>
          </a:xfrm>
          <a:prstGeom prst="rect">
            <a:avLst/>
          </a:prstGeom>
        </p:spPr>
      </p:pic>
      <p:pic>
        <p:nvPicPr>
          <p:cNvPr id="12" name="Twitter icon with link">
            <a:hlinkClick r:id="rId9" tooltip="https://twitter.com/sap"/>
            <a:extLst>
              <a:ext uri="{FF2B5EF4-FFF2-40B4-BE49-F238E27FC236}">
                <a16:creationId xmlns:a16="http://schemas.microsoft.com/office/drawing/2014/main" id="{3A3DEA53-744B-5D49-B9C4-B3DD2B6F8890}"/>
              </a:ext>
            </a:extLst>
          </p:cNvPr>
          <p:cNvPicPr>
            <a:picLocks noChangeAspect="1"/>
          </p:cNvPicPr>
          <p:nvPr userDrawn="1"/>
        </p:nvPicPr>
        <p:blipFill>
          <a:blip r:embed="rId10" cstate="screen">
            <a:extLst>
              <a:ext uri="{28A0092B-C50C-407E-A947-70E740481C1C}">
                <a14:useLocalDpi xmlns:a14="http://schemas.microsoft.com/office/drawing/2010/main"/>
              </a:ext>
            </a:extLst>
          </a:blip>
          <a:srcRect/>
          <a:stretch/>
        </p:blipFill>
        <p:spPr>
          <a:xfrm>
            <a:off x="1077646" y="1749961"/>
            <a:ext cx="361621" cy="361809"/>
          </a:xfrm>
          <a:prstGeom prst="rect">
            <a:avLst/>
          </a:prstGeom>
        </p:spPr>
      </p:pic>
      <p:pic>
        <p:nvPicPr>
          <p:cNvPr id="13" name="Facebook icon with link">
            <a:hlinkClick r:id="rId11"/>
            <a:extLst>
              <a:ext uri="{FF2B5EF4-FFF2-40B4-BE49-F238E27FC236}">
                <a16:creationId xmlns:a16="http://schemas.microsoft.com/office/drawing/2014/main" id="{0574D7D9-99A0-C642-8DCC-BBDFBACB0C47}"/>
              </a:ext>
            </a:extLst>
          </p:cNvPr>
          <p:cNvPicPr>
            <a:picLocks noChangeAspect="1"/>
          </p:cNvPicPr>
          <p:nvPr userDrawn="1"/>
        </p:nvPicPr>
        <p:blipFill>
          <a:blip r:embed="rId12" cstate="screen">
            <a:extLst>
              <a:ext uri="{28A0092B-C50C-407E-A947-70E740481C1C}">
                <a14:useLocalDpi xmlns:a14="http://schemas.microsoft.com/office/drawing/2010/main"/>
              </a:ext>
            </a:extLst>
          </a:blip>
          <a:srcRect/>
          <a:stretch/>
        </p:blipFill>
        <p:spPr>
          <a:xfrm>
            <a:off x="487417" y="1749063"/>
            <a:ext cx="363410" cy="363600"/>
          </a:xfrm>
          <a:prstGeom prst="rect">
            <a:avLst/>
          </a:prstGeom>
        </p:spPr>
      </p:pic>
    </p:spTree>
    <p:extLst>
      <p:ext uri="{BB962C8B-B14F-4D97-AF65-F5344CB8AC3E}">
        <p14:creationId xmlns:p14="http://schemas.microsoft.com/office/powerpoint/2010/main" val="1414926157"/>
      </p:ext>
    </p:extLst>
  </p:cSld>
  <p:clrMapOvr>
    <a:masterClrMapping/>
  </p:clrMapOvr>
  <p:extLst>
    <p:ext uri="{DCECCB84-F9BA-43D5-87BE-67443E8EF086}">
      <p15:sldGuideLst xmlns:p15="http://schemas.microsoft.com/office/powerpoint/2012/main"/>
    </p:ext>
  </p:extLst>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2976" y="2461400"/>
            <a:ext cx="2579296"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germany</a:t>
            </a:r>
            <a:r>
              <a:rPr lang="en-US" sz="1100" b="1" kern="120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9720501" y="5994000"/>
            <a:ext cx="1962613" cy="360000"/>
          </a:xfrm>
          <a:prstGeom prst="rect">
            <a:avLst/>
          </a:prstGeom>
        </p:spPr>
      </p:pic>
      <p:sp>
        <p:nvSpPr>
          <p:cNvPr id="32" name="Copyright information-German"/>
          <p:cNvSpPr txBox="1"/>
          <p:nvPr userDrawn="1"/>
        </p:nvSpPr>
        <p:spPr bwMode="black">
          <a:xfrm>
            <a:off x="503736" y="2645292"/>
            <a:ext cx="6073644" cy="3708708"/>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en-US" sz="800" b="0" noProof="0"/>
              <a:t>© 2021 SAP SE </a:t>
            </a:r>
            <a:r>
              <a:rPr lang="de-DE" sz="800" b="0" noProof="0"/>
              <a:t>oder ein SAP-Konzernunternehmen. Alle Rechte vorbehalten</a:t>
            </a:r>
            <a:r>
              <a:rPr lang="en-US" sz="800" b="0" noProof="0"/>
              <a:t>.</a:t>
            </a:r>
            <a:endParaRPr lang="de-DE" sz="800" kern="0">
              <a:ea typeface="Arial Unicode MS" pitchFamily="34" charset="-128"/>
              <a:cs typeface="Arial Unicode MS" pitchFamily="34" charset="-128"/>
            </a:endParaRPr>
          </a:p>
          <a:p>
            <a:pPr>
              <a:spcBef>
                <a:spcPts val="600"/>
              </a:spcBef>
            </a:pPr>
            <a:r>
              <a:rPr lang="de-DE" sz="800" kern="1200" noProof="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a:solidFill>
                  <a:schemeClr val="tx1"/>
                </a:solidFill>
                <a:effectLst/>
                <a:latin typeface="Arial"/>
                <a:ea typeface="+mn-ea"/>
                <a:cs typeface="+mn-cs"/>
              </a:rPr>
              <a:t> </a:t>
            </a:r>
            <a:r>
              <a:rPr lang="de-DE" sz="800" kern="1200" noProof="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a:solidFill>
                  <a:schemeClr val="tx1"/>
                </a:solidFill>
                <a:effectLst/>
                <a:latin typeface="Arial"/>
                <a:ea typeface="+mn-ea"/>
                <a:cs typeface="+mn-cs"/>
              </a:rPr>
              <a:t>Zusätzliche Informationen zur Marke und Vermerke finden Sie auf der Seite </a:t>
            </a:r>
            <a:r>
              <a:rPr lang="de-DE" sz="800" kern="1200" noProof="0">
                <a:solidFill>
                  <a:schemeClr val="tx1"/>
                </a:solidFill>
                <a:effectLst/>
                <a:latin typeface="Arial"/>
                <a:ea typeface="+mn-ea"/>
                <a:cs typeface="+mn-cs"/>
                <a:hlinkClick r:id="rId4"/>
              </a:rPr>
              <a:t>www.sap.com/corporate/de/legal/copyright.html</a:t>
            </a:r>
            <a:r>
              <a:rPr lang="de-DE" sz="800" kern="1200" noProof="0">
                <a:solidFill>
                  <a:schemeClr val="tx1"/>
                </a:solidFill>
                <a:effectLst/>
                <a:latin typeface="Arial"/>
                <a:ea typeface="+mn-ea"/>
                <a:cs typeface="+mn-cs"/>
              </a:rPr>
              <a:t>.</a:t>
            </a:r>
          </a:p>
        </p:txBody>
      </p:sp>
      <p:sp>
        <p:nvSpPr>
          <p:cNvPr id="20" name="SAP folgen auf"/>
          <p:cNvSpPr txBox="1"/>
          <p:nvPr userDrawn="1"/>
        </p:nvSpPr>
        <p:spPr bwMode="black">
          <a:xfrm>
            <a:off x="503735" y="1461003"/>
            <a:ext cx="1227909" cy="169277"/>
          </a:xfrm>
          <a:prstGeom prst="rect">
            <a:avLst/>
          </a:prstGeom>
          <a:noFill/>
        </p:spPr>
        <p:txBody>
          <a:bodyPr wrap="square" lIns="0" tIns="0" rIns="0" bIns="0" rtlCol="0" anchor="b">
            <a:noAutofit/>
          </a:bodyPr>
          <a:lstStyle/>
          <a:p>
            <a:pPr marL="0" marR="0" lvl="0" indent="0" algn="l" defTabSz="1088122" rtl="0" eaLnBrk="1" fontAlgn="auto" latinLnBrk="0" hangingPunct="1">
              <a:lnSpc>
                <a:spcPct val="100000"/>
              </a:lnSpc>
              <a:spcBef>
                <a:spcPts val="1200"/>
              </a:spcBef>
              <a:spcAft>
                <a:spcPts val="0"/>
              </a:spcAft>
              <a:buClrTx/>
              <a:buSzTx/>
              <a:buFontTx/>
              <a:buNone/>
              <a:tabLst/>
              <a:defRPr/>
            </a:pPr>
            <a:r>
              <a:rPr lang="de-DE" sz="1100" b="0" kern="1200" noProof="0">
                <a:solidFill>
                  <a:schemeClr val="tx1"/>
                </a:solidFill>
                <a:latin typeface="Arial"/>
                <a:ea typeface="Arial Unicode MS" panose="020B0604020202020204" pitchFamily="34" charset="-128"/>
                <a:cs typeface="+mn-cs"/>
              </a:rPr>
              <a:t>SAP folgen auf</a:t>
            </a:r>
          </a:p>
        </p:txBody>
      </p:sp>
      <p:pic>
        <p:nvPicPr>
          <p:cNvPr id="10" name="Linkedin icon with link">
            <a:hlinkClick r:id="rId5"/>
            <a:extLst>
              <a:ext uri="{FF2B5EF4-FFF2-40B4-BE49-F238E27FC236}">
                <a16:creationId xmlns:a16="http://schemas.microsoft.com/office/drawing/2014/main" id="{7D1F0187-E2B3-E84B-B66C-2F4329298216}"/>
              </a:ext>
            </a:extLst>
          </p:cNvPr>
          <p:cNvPicPr>
            <a:picLocks noChangeAspect="1"/>
          </p:cNvPicPr>
          <p:nvPr userDrawn="1"/>
        </p:nvPicPr>
        <p:blipFill>
          <a:blip r:embed="rId6" cstate="screen">
            <a:extLst>
              <a:ext uri="{28A0092B-C50C-407E-A947-70E740481C1C}">
                <a14:useLocalDpi xmlns:a14="http://schemas.microsoft.com/office/drawing/2010/main"/>
              </a:ext>
            </a:extLst>
          </a:blip>
          <a:srcRect/>
          <a:stretch/>
        </p:blipFill>
        <p:spPr>
          <a:xfrm>
            <a:off x="2256313" y="1749961"/>
            <a:ext cx="361621" cy="361809"/>
          </a:xfrm>
          <a:prstGeom prst="rect">
            <a:avLst/>
          </a:prstGeom>
        </p:spPr>
      </p:pic>
      <p:pic>
        <p:nvPicPr>
          <p:cNvPr id="12" name="YouTube icon with link">
            <a:hlinkClick r:id="rId7"/>
            <a:extLst>
              <a:ext uri="{FF2B5EF4-FFF2-40B4-BE49-F238E27FC236}">
                <a16:creationId xmlns:a16="http://schemas.microsoft.com/office/drawing/2014/main" id="{E3EFD77E-732B-3042-869E-DD34D616C8DC}"/>
              </a:ext>
            </a:extLst>
          </p:cNvPr>
          <p:cNvPicPr>
            <a:picLocks noChangeAspect="1"/>
          </p:cNvPicPr>
          <p:nvPr userDrawn="1"/>
        </p:nvPicPr>
        <p:blipFill>
          <a:blip r:embed="rId8" cstate="screen">
            <a:extLst>
              <a:ext uri="{28A0092B-C50C-407E-A947-70E740481C1C}">
                <a14:useLocalDpi xmlns:a14="http://schemas.microsoft.com/office/drawing/2010/main"/>
              </a:ext>
            </a:extLst>
          </a:blip>
          <a:srcRect/>
          <a:stretch/>
        </p:blipFill>
        <p:spPr>
          <a:xfrm>
            <a:off x="1666084" y="1749063"/>
            <a:ext cx="363410" cy="363600"/>
          </a:xfrm>
          <a:prstGeom prst="rect">
            <a:avLst/>
          </a:prstGeom>
        </p:spPr>
      </p:pic>
      <p:pic>
        <p:nvPicPr>
          <p:cNvPr id="13" name="Twitter icon with link">
            <a:hlinkClick r:id="rId9" tooltip="https://twitter.com/sap"/>
            <a:extLst>
              <a:ext uri="{FF2B5EF4-FFF2-40B4-BE49-F238E27FC236}">
                <a16:creationId xmlns:a16="http://schemas.microsoft.com/office/drawing/2014/main" id="{F964F380-9DA3-B140-A34E-13AB1317334E}"/>
              </a:ext>
            </a:extLst>
          </p:cNvPr>
          <p:cNvPicPr>
            <a:picLocks noChangeAspect="1"/>
          </p:cNvPicPr>
          <p:nvPr userDrawn="1"/>
        </p:nvPicPr>
        <p:blipFill>
          <a:blip r:embed="rId10" cstate="screen">
            <a:extLst>
              <a:ext uri="{28A0092B-C50C-407E-A947-70E740481C1C}">
                <a14:useLocalDpi xmlns:a14="http://schemas.microsoft.com/office/drawing/2010/main"/>
              </a:ext>
            </a:extLst>
          </a:blip>
          <a:srcRect/>
          <a:stretch/>
        </p:blipFill>
        <p:spPr>
          <a:xfrm>
            <a:off x="1077646" y="1749961"/>
            <a:ext cx="361621" cy="361809"/>
          </a:xfrm>
          <a:prstGeom prst="rect">
            <a:avLst/>
          </a:prstGeom>
        </p:spPr>
      </p:pic>
      <p:pic>
        <p:nvPicPr>
          <p:cNvPr id="14" name="Facebook icon with link">
            <a:hlinkClick r:id="rId11"/>
            <a:extLst>
              <a:ext uri="{FF2B5EF4-FFF2-40B4-BE49-F238E27FC236}">
                <a16:creationId xmlns:a16="http://schemas.microsoft.com/office/drawing/2014/main" id="{2F0BB96A-1F55-4D49-8BC7-DCE332FFA2FB}"/>
              </a:ext>
            </a:extLst>
          </p:cNvPr>
          <p:cNvPicPr>
            <a:picLocks noChangeAspect="1"/>
          </p:cNvPicPr>
          <p:nvPr userDrawn="1"/>
        </p:nvPicPr>
        <p:blipFill>
          <a:blip r:embed="rId12" cstate="screen">
            <a:extLst>
              <a:ext uri="{28A0092B-C50C-407E-A947-70E740481C1C}">
                <a14:useLocalDpi xmlns:a14="http://schemas.microsoft.com/office/drawing/2010/main"/>
              </a:ext>
            </a:extLst>
          </a:blip>
          <a:srcRect/>
          <a:stretch/>
        </p:blipFill>
        <p:spPr>
          <a:xfrm>
            <a:off x="487417" y="1749063"/>
            <a:ext cx="363410" cy="363600"/>
          </a:xfrm>
          <a:prstGeom prst="rect">
            <a:avLst/>
          </a:prstGeom>
        </p:spPr>
      </p:pic>
      <p:sp>
        <p:nvSpPr>
          <p:cNvPr id="15" name="Slide number">
            <a:extLst>
              <a:ext uri="{FF2B5EF4-FFF2-40B4-BE49-F238E27FC236}">
                <a16:creationId xmlns:a16="http://schemas.microsoft.com/office/drawing/2014/main" id="{D9D1DCC0-2606-455C-AFF5-0776527C3F86}"/>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63586980"/>
      </p:ext>
    </p:extLst>
  </p:cSld>
  <p:clrMapOvr>
    <a:masterClrMapping/>
  </p:clrMapOvr>
  <p:extLst>
    <p:ext uri="{DCECCB84-F9BA-43D5-87BE-67443E8EF086}">
      <p15:sldGuideLst xmlns:p15="http://schemas.microsoft.com/office/powerpoint/2012/main"/>
    </p:ext>
  </p:extLst>
</p:sldLayout>
</file>

<file path=ppt/slideLayouts/slideLayout58.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grpSp>
        <p:nvGrpSpPr>
          <p:cNvPr id="17" name="Group 16">
            <a:extLst>
              <a:ext uri="{FF2B5EF4-FFF2-40B4-BE49-F238E27FC236}">
                <a16:creationId xmlns:a16="http://schemas.microsoft.com/office/drawing/2014/main" id="{9D7909FC-8D14-4A8B-85A2-3E1997CC2D47}"/>
              </a:ext>
            </a:extLst>
          </p:cNvPr>
          <p:cNvGrpSpPr/>
          <p:nvPr userDrawn="1"/>
        </p:nvGrpSpPr>
        <p:grpSpPr>
          <a:xfrm>
            <a:off x="0" y="3756"/>
            <a:ext cx="12182353" cy="6851567"/>
            <a:chOff x="0" y="3755"/>
            <a:chExt cx="12185526" cy="6851567"/>
          </a:xfrm>
          <a:solidFill>
            <a:srgbClr val="FAFAFC"/>
          </a:solidFill>
        </p:grpSpPr>
        <p:sp>
          <p:nvSpPr>
            <p:cNvPr id="18" name="Freeform: Shape 17">
              <a:extLst>
                <a:ext uri="{FF2B5EF4-FFF2-40B4-BE49-F238E27FC236}">
                  <a16:creationId xmlns:a16="http://schemas.microsoft.com/office/drawing/2014/main" id="{4AD8467F-EAD5-430E-B925-373B014328FD}"/>
                </a:ext>
              </a:extLst>
            </p:cNvPr>
            <p:cNvSpPr/>
            <p:nvPr/>
          </p:nvSpPr>
          <p:spPr>
            <a:xfrm>
              <a:off x="2764272" y="3755"/>
              <a:ext cx="9421254" cy="6851567"/>
            </a:xfrm>
            <a:custGeom>
              <a:avLst/>
              <a:gdLst>
                <a:gd name="connsiteX0" fmla="*/ 5317818 w 9421254"/>
                <a:gd name="connsiteY0" fmla="*/ 0 h 6851567"/>
                <a:gd name="connsiteX1" fmla="*/ 7185959 w 9421254"/>
                <a:gd name="connsiteY1" fmla="*/ 5283626 h 6851567"/>
                <a:gd name="connsiteX2" fmla="*/ 3092231 w 9421254"/>
                <a:gd name="connsiteY2" fmla="*/ 4845810 h 6851567"/>
                <a:gd name="connsiteX3" fmla="*/ 0 w 9421254"/>
                <a:gd name="connsiteY3" fmla="*/ 6851568 h 6851567"/>
                <a:gd name="connsiteX4" fmla="*/ 9421254 w 9421254"/>
                <a:gd name="connsiteY4" fmla="*/ 6851568 h 6851567"/>
                <a:gd name="connsiteX5" fmla="*/ 9421254 w 9421254"/>
                <a:gd name="connsiteY5" fmla="*/ 0 h 6851567"/>
                <a:gd name="connsiteX6" fmla="*/ 5317818 w 9421254"/>
                <a:gd name="connsiteY6" fmla="*/ 0 h 68515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421254" h="6851567">
                  <a:moveTo>
                    <a:pt x="5317818" y="0"/>
                  </a:moveTo>
                  <a:cubicBezTo>
                    <a:pt x="5906849" y="815603"/>
                    <a:pt x="8237799" y="4198792"/>
                    <a:pt x="7185959" y="5283626"/>
                  </a:cubicBezTo>
                  <a:cubicBezTo>
                    <a:pt x="5986321" y="6520869"/>
                    <a:pt x="5043800" y="4922015"/>
                    <a:pt x="3092231" y="4845810"/>
                  </a:cubicBezTo>
                  <a:cubicBezTo>
                    <a:pt x="1478690" y="4782906"/>
                    <a:pt x="496253" y="5351204"/>
                    <a:pt x="0" y="6851568"/>
                  </a:cubicBezTo>
                  <a:lnTo>
                    <a:pt x="9421254" y="6851568"/>
                  </a:lnTo>
                  <a:lnTo>
                    <a:pt x="9421254" y="0"/>
                  </a:lnTo>
                  <a:lnTo>
                    <a:pt x="5317818" y="0"/>
                  </a:lnTo>
                  <a:close/>
                </a:path>
              </a:pathLst>
            </a:custGeom>
            <a:grpFill/>
            <a:ln w="360" cap="flat">
              <a:noFill/>
              <a:prstDash val="solid"/>
              <a:miter/>
            </a:ln>
          </p:spPr>
          <p:txBody>
            <a:bodyPr rtlCol="0" anchor="ctr"/>
            <a:lstStyle/>
            <a:p>
              <a:endParaRPr lang="en-US" sz="1799"/>
            </a:p>
          </p:txBody>
        </p:sp>
        <p:sp>
          <p:nvSpPr>
            <p:cNvPr id="19" name="Freeform: Shape 18">
              <a:extLst>
                <a:ext uri="{FF2B5EF4-FFF2-40B4-BE49-F238E27FC236}">
                  <a16:creationId xmlns:a16="http://schemas.microsoft.com/office/drawing/2014/main" id="{38C54DC2-541A-4CC5-A9BC-C6E906E4F9EC}"/>
                </a:ext>
              </a:extLst>
            </p:cNvPr>
            <p:cNvSpPr/>
            <p:nvPr/>
          </p:nvSpPr>
          <p:spPr>
            <a:xfrm>
              <a:off x="0" y="3755"/>
              <a:ext cx="3182709" cy="4421274"/>
            </a:xfrm>
            <a:custGeom>
              <a:avLst/>
              <a:gdLst>
                <a:gd name="connsiteX0" fmla="*/ 1039254 w 3182709"/>
                <a:gd name="connsiteY0" fmla="*/ 0 h 4421274"/>
                <a:gd name="connsiteX1" fmla="*/ 1361100 w 3182709"/>
                <a:gd name="connsiteY1" fmla="*/ 1147380 h 4421274"/>
                <a:gd name="connsiteX2" fmla="*/ 0 w 3182709"/>
                <a:gd name="connsiteY2" fmla="*/ 4405119 h 4421274"/>
                <a:gd name="connsiteX3" fmla="*/ 0 w 3182709"/>
                <a:gd name="connsiteY3" fmla="*/ 0 h 4421274"/>
                <a:gd name="connsiteX4" fmla="*/ 1039254 w 3182709"/>
                <a:gd name="connsiteY4" fmla="*/ 0 h 44212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82709" h="4421274">
                  <a:moveTo>
                    <a:pt x="1039254" y="0"/>
                  </a:moveTo>
                  <a:cubicBezTo>
                    <a:pt x="868083" y="272107"/>
                    <a:pt x="522504" y="971966"/>
                    <a:pt x="1361100" y="1147380"/>
                  </a:cubicBezTo>
                  <a:cubicBezTo>
                    <a:pt x="4605443" y="1825311"/>
                    <a:pt x="3120640" y="4659972"/>
                    <a:pt x="0" y="4405119"/>
                  </a:cubicBezTo>
                  <a:lnTo>
                    <a:pt x="0" y="0"/>
                  </a:lnTo>
                  <a:lnTo>
                    <a:pt x="1039254" y="0"/>
                  </a:lnTo>
                  <a:close/>
                </a:path>
              </a:pathLst>
            </a:custGeom>
            <a:grpFill/>
            <a:ln w="360" cap="flat">
              <a:noFill/>
              <a:prstDash val="solid"/>
              <a:miter/>
            </a:ln>
          </p:spPr>
          <p:txBody>
            <a:bodyPr rtlCol="0" anchor="ctr"/>
            <a:lstStyle/>
            <a:p>
              <a:endParaRPr lang="en-US" sz="1799"/>
            </a:p>
          </p:txBody>
        </p:sp>
      </p:grpSp>
      <p:sp>
        <p:nvSpPr>
          <p:cNvPr id="6" name="Rectangle 5">
            <a:extLst>
              <a:ext uri="{FF2B5EF4-FFF2-40B4-BE49-F238E27FC236}">
                <a16:creationId xmlns:a16="http://schemas.microsoft.com/office/drawing/2014/main" id="{AB45BF64-18AD-490E-BD77-B1F265ECA7F5}"/>
              </a:ext>
            </a:extLst>
          </p:cNvPr>
          <p:cNvSpPr/>
          <p:nvPr userDrawn="1"/>
        </p:nvSpPr>
        <p:spPr>
          <a:xfrm>
            <a:off x="8103664" y="1"/>
            <a:ext cx="4085161" cy="6858000"/>
          </a:xfrm>
          <a:prstGeom prst="rect">
            <a:avLst/>
          </a:prstGeom>
          <a:solidFill>
            <a:srgbClr val="F3F3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15" name="Picture Placeholder 14">
            <a:extLst>
              <a:ext uri="{FF2B5EF4-FFF2-40B4-BE49-F238E27FC236}">
                <a16:creationId xmlns:a16="http://schemas.microsoft.com/office/drawing/2014/main" id="{3E6E7F51-9FBF-4D00-B5D7-7EC5D681BD49}"/>
              </a:ext>
            </a:extLst>
          </p:cNvPr>
          <p:cNvSpPr>
            <a:spLocks noGrp="1"/>
          </p:cNvSpPr>
          <p:nvPr>
            <p:ph type="pic" sz="quarter" idx="13"/>
          </p:nvPr>
        </p:nvSpPr>
        <p:spPr>
          <a:xfrm>
            <a:off x="7311893" y="4551923"/>
            <a:ext cx="1621450" cy="1621870"/>
          </a:xfrm>
          <a:custGeom>
            <a:avLst/>
            <a:gdLst>
              <a:gd name="connsiteX0" fmla="*/ 155359 w 1621872"/>
              <a:gd name="connsiteY0" fmla="*/ 0 h 1621870"/>
              <a:gd name="connsiteX1" fmla="*/ 1466513 w 1621872"/>
              <a:gd name="connsiteY1" fmla="*/ 0 h 1621870"/>
              <a:gd name="connsiteX2" fmla="*/ 1621872 w 1621872"/>
              <a:gd name="connsiteY2" fmla="*/ 155359 h 1621870"/>
              <a:gd name="connsiteX3" fmla="*/ 1621872 w 1621872"/>
              <a:gd name="connsiteY3" fmla="*/ 1466511 h 1621870"/>
              <a:gd name="connsiteX4" fmla="*/ 1466513 w 1621872"/>
              <a:gd name="connsiteY4" fmla="*/ 1621870 h 1621870"/>
              <a:gd name="connsiteX5" fmla="*/ 155359 w 1621872"/>
              <a:gd name="connsiteY5" fmla="*/ 1621870 h 1621870"/>
              <a:gd name="connsiteX6" fmla="*/ 0 w 1621872"/>
              <a:gd name="connsiteY6" fmla="*/ 1466511 h 1621870"/>
              <a:gd name="connsiteX7" fmla="*/ 0 w 1621872"/>
              <a:gd name="connsiteY7" fmla="*/ 155359 h 1621870"/>
              <a:gd name="connsiteX8" fmla="*/ 155359 w 1621872"/>
              <a:gd name="connsiteY8" fmla="*/ 0 h 1621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1621870">
                <a:moveTo>
                  <a:pt x="155359" y="0"/>
                </a:moveTo>
                <a:lnTo>
                  <a:pt x="1466513" y="0"/>
                </a:lnTo>
                <a:cubicBezTo>
                  <a:pt x="1552315" y="0"/>
                  <a:pt x="1621872" y="69557"/>
                  <a:pt x="1621872" y="155359"/>
                </a:cubicBezTo>
                <a:lnTo>
                  <a:pt x="1621872" y="1466511"/>
                </a:lnTo>
                <a:cubicBezTo>
                  <a:pt x="1621872" y="1552313"/>
                  <a:pt x="1552315" y="1621870"/>
                  <a:pt x="1466513" y="1621870"/>
                </a:cubicBezTo>
                <a:lnTo>
                  <a:pt x="155359" y="1621870"/>
                </a:lnTo>
                <a:cubicBezTo>
                  <a:pt x="69557" y="1621870"/>
                  <a:pt x="0" y="1552313"/>
                  <a:pt x="0" y="1466511"/>
                </a:cubicBezTo>
                <a:lnTo>
                  <a:pt x="0" y="155359"/>
                </a:lnTo>
                <a:cubicBezTo>
                  <a:pt x="0" y="69557"/>
                  <a:pt x="69557" y="0"/>
                  <a:pt x="155359"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13" name="Picture Placeholder 12">
            <a:extLst>
              <a:ext uri="{FF2B5EF4-FFF2-40B4-BE49-F238E27FC236}">
                <a16:creationId xmlns:a16="http://schemas.microsoft.com/office/drawing/2014/main" id="{B0B29D86-8C72-4302-80A0-4C756AF8CC71}"/>
              </a:ext>
            </a:extLst>
          </p:cNvPr>
          <p:cNvSpPr>
            <a:spLocks noGrp="1"/>
          </p:cNvSpPr>
          <p:nvPr>
            <p:ph type="pic" sz="quarter" idx="12"/>
          </p:nvPr>
        </p:nvSpPr>
        <p:spPr>
          <a:xfrm>
            <a:off x="9371353" y="680286"/>
            <a:ext cx="1621450" cy="1621870"/>
          </a:xfrm>
          <a:custGeom>
            <a:avLst/>
            <a:gdLst>
              <a:gd name="connsiteX0" fmla="*/ 155359 w 1621872"/>
              <a:gd name="connsiteY0" fmla="*/ 0 h 1621870"/>
              <a:gd name="connsiteX1" fmla="*/ 1466513 w 1621872"/>
              <a:gd name="connsiteY1" fmla="*/ 0 h 1621870"/>
              <a:gd name="connsiteX2" fmla="*/ 1621872 w 1621872"/>
              <a:gd name="connsiteY2" fmla="*/ 155359 h 1621870"/>
              <a:gd name="connsiteX3" fmla="*/ 1621872 w 1621872"/>
              <a:gd name="connsiteY3" fmla="*/ 1466511 h 1621870"/>
              <a:gd name="connsiteX4" fmla="*/ 1466513 w 1621872"/>
              <a:gd name="connsiteY4" fmla="*/ 1621870 h 1621870"/>
              <a:gd name="connsiteX5" fmla="*/ 155359 w 1621872"/>
              <a:gd name="connsiteY5" fmla="*/ 1621870 h 1621870"/>
              <a:gd name="connsiteX6" fmla="*/ 0 w 1621872"/>
              <a:gd name="connsiteY6" fmla="*/ 1466511 h 1621870"/>
              <a:gd name="connsiteX7" fmla="*/ 0 w 1621872"/>
              <a:gd name="connsiteY7" fmla="*/ 155359 h 1621870"/>
              <a:gd name="connsiteX8" fmla="*/ 155359 w 1621872"/>
              <a:gd name="connsiteY8" fmla="*/ 0 h 16218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1621870">
                <a:moveTo>
                  <a:pt x="155359" y="0"/>
                </a:moveTo>
                <a:lnTo>
                  <a:pt x="1466513" y="0"/>
                </a:lnTo>
                <a:cubicBezTo>
                  <a:pt x="1552315" y="0"/>
                  <a:pt x="1621872" y="69557"/>
                  <a:pt x="1621872" y="155359"/>
                </a:cubicBezTo>
                <a:lnTo>
                  <a:pt x="1621872" y="1466511"/>
                </a:lnTo>
                <a:cubicBezTo>
                  <a:pt x="1621872" y="1552313"/>
                  <a:pt x="1552315" y="1621870"/>
                  <a:pt x="1466513" y="1621870"/>
                </a:cubicBezTo>
                <a:lnTo>
                  <a:pt x="155359" y="1621870"/>
                </a:lnTo>
                <a:cubicBezTo>
                  <a:pt x="69557" y="1621870"/>
                  <a:pt x="0" y="1552313"/>
                  <a:pt x="0" y="1466511"/>
                </a:cubicBezTo>
                <a:lnTo>
                  <a:pt x="0" y="155359"/>
                </a:lnTo>
                <a:cubicBezTo>
                  <a:pt x="0" y="69557"/>
                  <a:pt x="69557" y="0"/>
                  <a:pt x="155359"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11" name="Picture Placeholder 10">
            <a:extLst>
              <a:ext uri="{FF2B5EF4-FFF2-40B4-BE49-F238E27FC236}">
                <a16:creationId xmlns:a16="http://schemas.microsoft.com/office/drawing/2014/main" id="{D035E1A0-A0A5-4438-AC4A-E8F3A45DC8E7}"/>
              </a:ext>
            </a:extLst>
          </p:cNvPr>
          <p:cNvSpPr>
            <a:spLocks noGrp="1"/>
          </p:cNvSpPr>
          <p:nvPr>
            <p:ph type="pic" sz="quarter" idx="11"/>
          </p:nvPr>
        </p:nvSpPr>
        <p:spPr>
          <a:xfrm>
            <a:off x="5285190" y="2639163"/>
            <a:ext cx="1621450" cy="3534631"/>
          </a:xfrm>
          <a:custGeom>
            <a:avLst/>
            <a:gdLst>
              <a:gd name="connsiteX0" fmla="*/ 88246 w 1621872"/>
              <a:gd name="connsiteY0" fmla="*/ 0 h 3534631"/>
              <a:gd name="connsiteX1" fmla="*/ 1533626 w 1621872"/>
              <a:gd name="connsiteY1" fmla="*/ 0 h 3534631"/>
              <a:gd name="connsiteX2" fmla="*/ 1621872 w 1621872"/>
              <a:gd name="connsiteY2" fmla="*/ 88246 h 3534631"/>
              <a:gd name="connsiteX3" fmla="*/ 1621872 w 1621872"/>
              <a:gd name="connsiteY3" fmla="*/ 3446385 h 3534631"/>
              <a:gd name="connsiteX4" fmla="*/ 1533626 w 1621872"/>
              <a:gd name="connsiteY4" fmla="*/ 3534631 h 3534631"/>
              <a:gd name="connsiteX5" fmla="*/ 88246 w 1621872"/>
              <a:gd name="connsiteY5" fmla="*/ 3534631 h 3534631"/>
              <a:gd name="connsiteX6" fmla="*/ 0 w 1621872"/>
              <a:gd name="connsiteY6" fmla="*/ 3446385 h 3534631"/>
              <a:gd name="connsiteX7" fmla="*/ 0 w 1621872"/>
              <a:gd name="connsiteY7" fmla="*/ 88246 h 3534631"/>
              <a:gd name="connsiteX8" fmla="*/ 88246 w 1621872"/>
              <a:gd name="connsiteY8" fmla="*/ 0 h 35346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621872" h="3534631">
                <a:moveTo>
                  <a:pt x="88246" y="0"/>
                </a:moveTo>
                <a:lnTo>
                  <a:pt x="1533626" y="0"/>
                </a:lnTo>
                <a:cubicBezTo>
                  <a:pt x="1582363" y="0"/>
                  <a:pt x="1621872" y="39509"/>
                  <a:pt x="1621872" y="88246"/>
                </a:cubicBezTo>
                <a:lnTo>
                  <a:pt x="1621872" y="3446385"/>
                </a:lnTo>
                <a:cubicBezTo>
                  <a:pt x="1621872" y="3495122"/>
                  <a:pt x="1582363" y="3534631"/>
                  <a:pt x="1533626" y="3534631"/>
                </a:cubicBezTo>
                <a:lnTo>
                  <a:pt x="88246" y="3534631"/>
                </a:lnTo>
                <a:cubicBezTo>
                  <a:pt x="39509" y="3534631"/>
                  <a:pt x="0" y="3495122"/>
                  <a:pt x="0" y="3446385"/>
                </a:cubicBezTo>
                <a:lnTo>
                  <a:pt x="0" y="88246"/>
                </a:lnTo>
                <a:cubicBezTo>
                  <a:pt x="0" y="39509"/>
                  <a:pt x="39509" y="0"/>
                  <a:pt x="88246"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9" name="Slide number">
            <a:extLst>
              <a:ext uri="{FF2B5EF4-FFF2-40B4-BE49-F238E27FC236}">
                <a16:creationId xmlns:a16="http://schemas.microsoft.com/office/drawing/2014/main" id="{B75E9EC7-9153-42F4-A3A6-60EA077AC57E}"/>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56040920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3_Titre et contenu">
    <p:spTree>
      <p:nvGrpSpPr>
        <p:cNvPr id="1" name=""/>
        <p:cNvGrpSpPr/>
        <p:nvPr/>
      </p:nvGrpSpPr>
      <p:grpSpPr>
        <a:xfrm>
          <a:off x="0" y="0"/>
          <a:ext cx="0" cy="0"/>
          <a:chOff x="0" y="0"/>
          <a:chExt cx="0" cy="0"/>
        </a:xfrm>
      </p:grpSpPr>
      <p:pic>
        <p:nvPicPr>
          <p:cNvPr id="16" name="Image 15">
            <a:extLst>
              <a:ext uri="{FF2B5EF4-FFF2-40B4-BE49-F238E27FC236}">
                <a16:creationId xmlns:a16="http://schemas.microsoft.com/office/drawing/2014/main" id="{267B77A6-BBD7-4B46-AEC9-998BEDA88696}"/>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17" name="Forme libre 2">
            <a:extLst>
              <a:ext uri="{FF2B5EF4-FFF2-40B4-BE49-F238E27FC236}">
                <a16:creationId xmlns:a16="http://schemas.microsoft.com/office/drawing/2014/main" id="{51313C93-D180-4E7B-818A-547B258A9F1B}"/>
              </a:ext>
            </a:extLst>
          </p:cNvPr>
          <p:cNvSpPr/>
          <p:nvPr userDrawn="1"/>
        </p:nvSpPr>
        <p:spPr>
          <a:xfrm>
            <a:off x="3887343" y="895"/>
            <a:ext cx="6655344"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8" name="Forme libre 3">
            <a:extLst>
              <a:ext uri="{FF2B5EF4-FFF2-40B4-BE49-F238E27FC236}">
                <a16:creationId xmlns:a16="http://schemas.microsoft.com/office/drawing/2014/main" id="{ECBC3560-3245-45DF-AF29-0154EBD0AE3B}"/>
              </a:ext>
            </a:extLst>
          </p:cNvPr>
          <p:cNvSpPr/>
          <p:nvPr userDrawn="1"/>
        </p:nvSpPr>
        <p:spPr>
          <a:xfrm>
            <a:off x="2887551" y="895"/>
            <a:ext cx="6658358" cy="6856213"/>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20" name="Forme libre 4">
            <a:extLst>
              <a:ext uri="{FF2B5EF4-FFF2-40B4-BE49-F238E27FC236}">
                <a16:creationId xmlns:a16="http://schemas.microsoft.com/office/drawing/2014/main" id="{6B1CB72E-4E59-40AD-9755-0FAF811CD813}"/>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6" name="Espace réservé du numéro de diapositive 5">
            <a:extLst>
              <a:ext uri="{FF2B5EF4-FFF2-40B4-BE49-F238E27FC236}">
                <a16:creationId xmlns:a16="http://schemas.microsoft.com/office/drawing/2014/main" id="{62D85729-4509-44D9-B101-22B5DF36D99F}"/>
              </a:ext>
            </a:extLst>
          </p:cNvPr>
          <p:cNvSpPr>
            <a:spLocks noGrp="1"/>
          </p:cNvSpPr>
          <p:nvPr>
            <p:ph type="sldNum" sz="quarter" idx="12"/>
          </p:nvPr>
        </p:nvSpPr>
        <p:spPr>
          <a:xfrm>
            <a:off x="9443165" y="6508784"/>
            <a:ext cx="2742486" cy="365125"/>
          </a:xfrm>
          <a:prstGeom prst="rect">
            <a:avLst/>
          </a:prstGeom>
        </p:spPr>
        <p:txBody>
          <a:bodyPr/>
          <a:lstStyle/>
          <a:p>
            <a:fld id="{FDF5FF1D-9E7C-402F-92E4-9E95FC4A7F75}" type="slidenum">
              <a:rPr lang="fr-FR" smtClean="0"/>
              <a:t>‹N›</a:t>
            </a:fld>
            <a:endParaRPr lang="fr-FR"/>
          </a:p>
        </p:txBody>
      </p:sp>
      <p:sp>
        <p:nvSpPr>
          <p:cNvPr id="21" name="Titre 1">
            <a:extLst>
              <a:ext uri="{FF2B5EF4-FFF2-40B4-BE49-F238E27FC236}">
                <a16:creationId xmlns:a16="http://schemas.microsoft.com/office/drawing/2014/main" id="{E12F35FB-2851-4C85-8526-14EA915B1CC4}"/>
              </a:ext>
            </a:extLst>
          </p:cNvPr>
          <p:cNvSpPr>
            <a:spLocks noGrp="1"/>
          </p:cNvSpPr>
          <p:nvPr>
            <p:ph type="title"/>
          </p:nvPr>
        </p:nvSpPr>
        <p:spPr>
          <a:xfrm>
            <a:off x="359183" y="98875"/>
            <a:ext cx="7464760" cy="842421"/>
          </a:xfrm>
        </p:spPr>
        <p:txBody>
          <a:bodyPr>
            <a:normAutofit/>
          </a:bodyPr>
          <a:lstStyle>
            <a:lvl1pPr>
              <a:defRPr sz="3999" b="1">
                <a:solidFill>
                  <a:srgbClr val="5CDBED"/>
                </a:solidFill>
              </a:defRPr>
            </a:lvl1pPr>
          </a:lstStyle>
          <a:p>
            <a:r>
              <a:rPr lang="fr-FR"/>
              <a:t>Modifiez le style du titre</a:t>
            </a:r>
          </a:p>
        </p:txBody>
      </p:sp>
      <p:sp>
        <p:nvSpPr>
          <p:cNvPr id="22" name="Espace réservé du contenu 2">
            <a:extLst>
              <a:ext uri="{FF2B5EF4-FFF2-40B4-BE49-F238E27FC236}">
                <a16:creationId xmlns:a16="http://schemas.microsoft.com/office/drawing/2014/main" id="{321CAE11-D4FD-4D32-B74E-5057D2CED159}"/>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1" name="Slide number">
            <a:extLst>
              <a:ext uri="{FF2B5EF4-FFF2-40B4-BE49-F238E27FC236}">
                <a16:creationId xmlns:a16="http://schemas.microsoft.com/office/drawing/2014/main" id="{78891D12-08C1-42D1-8127-979EA6DA0A6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62678126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Solo titolo">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A360A1B4-B33D-D765-8DEC-7D2BAF07CFB7}"/>
              </a:ext>
            </a:extLst>
          </p:cNvPr>
          <p:cNvSpPr>
            <a:spLocks noGrp="1"/>
          </p:cNvSpPr>
          <p:nvPr>
            <p:ph type="title"/>
          </p:nvPr>
        </p:nvSpPr>
        <p:spPr/>
        <p:txBody>
          <a:bodyPr/>
          <a:lstStyle/>
          <a:p>
            <a:r>
              <a:rPr lang="it-IT"/>
              <a:t>Fare clic per modificare lo stile del titolo dello schema</a:t>
            </a:r>
          </a:p>
        </p:txBody>
      </p:sp>
      <p:sp>
        <p:nvSpPr>
          <p:cNvPr id="3" name="Segnaposto data 2">
            <a:extLst>
              <a:ext uri="{FF2B5EF4-FFF2-40B4-BE49-F238E27FC236}">
                <a16:creationId xmlns:a16="http://schemas.microsoft.com/office/drawing/2014/main" id="{6F4F803F-1AEF-7F94-973B-E187F10EB73B}"/>
              </a:ext>
            </a:extLst>
          </p:cNvPr>
          <p:cNvSpPr>
            <a:spLocks noGrp="1"/>
          </p:cNvSpPr>
          <p:nvPr>
            <p:ph type="dt" sz="half" idx="10"/>
          </p:nvPr>
        </p:nvSpPr>
        <p:spPr/>
        <p:txBody>
          <a:bodyPr/>
          <a:lstStyle/>
          <a:p>
            <a:endParaRPr lang="fr-FR"/>
          </a:p>
        </p:txBody>
      </p:sp>
      <p:sp>
        <p:nvSpPr>
          <p:cNvPr id="4" name="Segnaposto piè di pagina 3">
            <a:extLst>
              <a:ext uri="{FF2B5EF4-FFF2-40B4-BE49-F238E27FC236}">
                <a16:creationId xmlns:a16="http://schemas.microsoft.com/office/drawing/2014/main" id="{14EA41DF-8E60-E223-19D8-489BAC04799C}"/>
              </a:ext>
            </a:extLst>
          </p:cNvPr>
          <p:cNvSpPr>
            <a:spLocks noGrp="1"/>
          </p:cNvSpPr>
          <p:nvPr>
            <p:ph type="ftr" sz="quarter" idx="11"/>
          </p:nvPr>
        </p:nvSpPr>
        <p:spPr/>
        <p:txBody>
          <a:bodyPr/>
          <a:lstStyle/>
          <a:p>
            <a:endParaRPr lang="fr-FR"/>
          </a:p>
        </p:txBody>
      </p:sp>
      <p:sp>
        <p:nvSpPr>
          <p:cNvPr id="5" name="Segnaposto numero diapositiva 4">
            <a:extLst>
              <a:ext uri="{FF2B5EF4-FFF2-40B4-BE49-F238E27FC236}">
                <a16:creationId xmlns:a16="http://schemas.microsoft.com/office/drawing/2014/main" id="{182CCC93-728A-01AF-06AA-9897C91BF496}"/>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2745437965"/>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5_Titre et contenu">
    <p:spTree>
      <p:nvGrpSpPr>
        <p:cNvPr id="1" name=""/>
        <p:cNvGrpSpPr/>
        <p:nvPr/>
      </p:nvGrpSpPr>
      <p:grpSpPr>
        <a:xfrm>
          <a:off x="0" y="0"/>
          <a:ext cx="0" cy="0"/>
          <a:chOff x="0" y="0"/>
          <a:chExt cx="0" cy="0"/>
        </a:xfrm>
      </p:grpSpPr>
      <p:pic>
        <p:nvPicPr>
          <p:cNvPr id="13" name="Image 12">
            <a:extLst>
              <a:ext uri="{FF2B5EF4-FFF2-40B4-BE49-F238E27FC236}">
                <a16:creationId xmlns:a16="http://schemas.microsoft.com/office/drawing/2014/main" id="{3CF3EE01-B7E9-49F2-9E95-9490CBDB5CB1}"/>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580467" y="1786"/>
            <a:ext cx="8608358" cy="6856214"/>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14" name="Forme libre 4">
            <a:extLst>
              <a:ext uri="{FF2B5EF4-FFF2-40B4-BE49-F238E27FC236}">
                <a16:creationId xmlns:a16="http://schemas.microsoft.com/office/drawing/2014/main" id="{ECD13681-8E95-43A0-9FA4-E97833C054FF}"/>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6" name="Espace réservé du contenu 2">
            <a:extLst>
              <a:ext uri="{FF2B5EF4-FFF2-40B4-BE49-F238E27FC236}">
                <a16:creationId xmlns:a16="http://schemas.microsoft.com/office/drawing/2014/main" id="{2A03AE89-49BD-4F1C-A620-9EC75D2C6E62}"/>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0" name="Slide number">
            <a:extLst>
              <a:ext uri="{FF2B5EF4-FFF2-40B4-BE49-F238E27FC236}">
                <a16:creationId xmlns:a16="http://schemas.microsoft.com/office/drawing/2014/main" id="{8980DC0F-4F5E-4A63-A768-C5B377B91151}"/>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061667904"/>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6_Titre et contenu">
    <p:spTree>
      <p:nvGrpSpPr>
        <p:cNvPr id="1" name=""/>
        <p:cNvGrpSpPr/>
        <p:nvPr/>
      </p:nvGrpSpPr>
      <p:grpSpPr>
        <a:xfrm>
          <a:off x="0" y="0"/>
          <a:ext cx="0" cy="0"/>
          <a:chOff x="0" y="0"/>
          <a:chExt cx="0" cy="0"/>
        </a:xfrm>
      </p:grpSpPr>
      <p:pic>
        <p:nvPicPr>
          <p:cNvPr id="12" name="Image 11">
            <a:extLst>
              <a:ext uri="{FF2B5EF4-FFF2-40B4-BE49-F238E27FC236}">
                <a16:creationId xmlns:a16="http://schemas.microsoft.com/office/drawing/2014/main" id="{2F20C2D6-E978-48E1-B8CE-1F1985FCF11D}"/>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3179100" y="0"/>
            <a:ext cx="9009725" cy="6858000"/>
          </a:xfrm>
          <a:prstGeom prst="rect">
            <a:avLst/>
          </a:prstGeom>
        </p:spPr>
      </p:pic>
      <p:sp>
        <p:nvSpPr>
          <p:cNvPr id="8" name="Forme libre 2">
            <a:extLst>
              <a:ext uri="{FF2B5EF4-FFF2-40B4-BE49-F238E27FC236}">
                <a16:creationId xmlns:a16="http://schemas.microsoft.com/office/drawing/2014/main" id="{8D9743D3-FC00-4621-AD6F-C80E85D787B9}"/>
              </a:ext>
            </a:extLst>
          </p:cNvPr>
          <p:cNvSpPr/>
          <p:nvPr userDrawn="1"/>
        </p:nvSpPr>
        <p:spPr>
          <a:xfrm>
            <a:off x="3887343" y="894"/>
            <a:ext cx="6655344"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sp>
        <p:nvSpPr>
          <p:cNvPr id="9" name="Forme libre 3">
            <a:extLst>
              <a:ext uri="{FF2B5EF4-FFF2-40B4-BE49-F238E27FC236}">
                <a16:creationId xmlns:a16="http://schemas.microsoft.com/office/drawing/2014/main" id="{C351A23A-CD0A-44A9-B39C-1C28A66AEA8B}"/>
              </a:ext>
            </a:extLst>
          </p:cNvPr>
          <p:cNvSpPr/>
          <p:nvPr userDrawn="1"/>
        </p:nvSpPr>
        <p:spPr>
          <a:xfrm>
            <a:off x="2887551" y="894"/>
            <a:ext cx="6658358" cy="6857106"/>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8"/>
          </a:p>
        </p:txBody>
      </p:sp>
      <p:pic>
        <p:nvPicPr>
          <p:cNvPr id="10" name="Image 9">
            <a:extLst>
              <a:ext uri="{FF2B5EF4-FFF2-40B4-BE49-F238E27FC236}">
                <a16:creationId xmlns:a16="http://schemas.microsoft.com/office/drawing/2014/main" id="{EDA05870-152C-4288-BC6D-AB1E079AC37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369468" y="2"/>
            <a:ext cx="6338088" cy="6857999"/>
          </a:xfrm>
          <a:prstGeom prst="rect">
            <a:avLst/>
          </a:prstGeom>
        </p:spPr>
      </p:pic>
      <p:sp>
        <p:nvSpPr>
          <p:cNvPr id="14" name="Forme libre 4">
            <a:extLst>
              <a:ext uri="{FF2B5EF4-FFF2-40B4-BE49-F238E27FC236}">
                <a16:creationId xmlns:a16="http://schemas.microsoft.com/office/drawing/2014/main" id="{398F664A-D74B-4DDE-B9D5-EF0CF72E705B}"/>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3" name="Espace réservé du contenu 2">
            <a:extLst>
              <a:ext uri="{FF2B5EF4-FFF2-40B4-BE49-F238E27FC236}">
                <a16:creationId xmlns:a16="http://schemas.microsoft.com/office/drawing/2014/main" id="{866D5A15-09A1-4095-A88A-B4C744975E07}"/>
              </a:ext>
            </a:extLst>
          </p:cNvPr>
          <p:cNvSpPr>
            <a:spLocks noGrp="1"/>
          </p:cNvSpPr>
          <p:nvPr>
            <p:ph idx="1"/>
          </p:nvPr>
        </p:nvSpPr>
        <p:spPr>
          <a:xfrm>
            <a:off x="354013" y="1227533"/>
            <a:ext cx="5475113" cy="503486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e la date 3">
            <a:extLst>
              <a:ext uri="{FF2B5EF4-FFF2-40B4-BE49-F238E27FC236}">
                <a16:creationId xmlns:a16="http://schemas.microsoft.com/office/drawing/2014/main" id="{4EF24132-A840-4E41-8F39-7B9F58BDD0D6}"/>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BF776CD1-0174-49FB-88C1-59D33EA9548F}"/>
              </a:ext>
            </a:extLst>
          </p:cNvPr>
          <p:cNvSpPr>
            <a:spLocks noGrp="1"/>
          </p:cNvSpPr>
          <p:nvPr>
            <p:ph type="ftr" sz="quarter" idx="11"/>
          </p:nvPr>
        </p:nvSpPr>
        <p:spPr/>
        <p:txBody>
          <a:bodyPr/>
          <a:lstStyle/>
          <a:p>
            <a:endParaRPr lang="fr-FR"/>
          </a:p>
        </p:txBody>
      </p:sp>
      <p:sp>
        <p:nvSpPr>
          <p:cNvPr id="15" name="Titre 1">
            <a:extLst>
              <a:ext uri="{FF2B5EF4-FFF2-40B4-BE49-F238E27FC236}">
                <a16:creationId xmlns:a16="http://schemas.microsoft.com/office/drawing/2014/main" id="{5A7126DF-735D-4828-86B3-64472E00D896}"/>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1" name="Slide number">
            <a:extLst>
              <a:ext uri="{FF2B5EF4-FFF2-40B4-BE49-F238E27FC236}">
                <a16:creationId xmlns:a16="http://schemas.microsoft.com/office/drawing/2014/main" id="{39CE4FF8-53E8-45E8-838E-68043E4C5C9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4251091682"/>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preserve="1" userDrawn="1">
  <p:cSld name="3_Titre de section">
    <p:spTree>
      <p:nvGrpSpPr>
        <p:cNvPr id="1" name=""/>
        <p:cNvGrpSpPr/>
        <p:nvPr/>
      </p:nvGrpSpPr>
      <p:grpSpPr>
        <a:xfrm>
          <a:off x="0" y="0"/>
          <a:ext cx="0" cy="0"/>
          <a:chOff x="0" y="0"/>
          <a:chExt cx="0" cy="0"/>
        </a:xfrm>
      </p:grpSpPr>
      <p:pic>
        <p:nvPicPr>
          <p:cNvPr id="11" name="Image 10">
            <a:extLst>
              <a:ext uri="{FF2B5EF4-FFF2-40B4-BE49-F238E27FC236}">
                <a16:creationId xmlns:a16="http://schemas.microsoft.com/office/drawing/2014/main" id="{7BABA209-CC5E-4313-BA59-AAEF8A7DC930}"/>
              </a:ext>
            </a:extLst>
          </p:cNvPr>
          <p:cNvPicPr>
            <a:picLocks noChangeAspect="1"/>
          </p:cNvPicPr>
          <p:nvPr userDrawn="1"/>
        </p:nvPicPr>
        <p:blipFill>
          <a:blip r:embed="rId2"/>
          <a:stretch>
            <a:fillRect/>
          </a:stretch>
        </p:blipFill>
        <p:spPr>
          <a:xfrm>
            <a:off x="3560495" y="893"/>
            <a:ext cx="8625156" cy="6856214"/>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A5D725FD-8597-4195-B2BC-61895E02BB75}"/>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2" name="Slide number">
            <a:extLst>
              <a:ext uri="{FF2B5EF4-FFF2-40B4-BE49-F238E27FC236}">
                <a16:creationId xmlns:a16="http://schemas.microsoft.com/office/drawing/2014/main" id="{4FD9AAB0-FF74-4288-937C-98B6580C88F5}"/>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95903125"/>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4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AEB6939C-D94C-4D99-9C78-9DCA09A7EBFC}"/>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04504" y="0"/>
            <a:ext cx="10284321"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3" name="Espace réservé du contenu 2">
            <a:extLst>
              <a:ext uri="{FF2B5EF4-FFF2-40B4-BE49-F238E27FC236}">
                <a16:creationId xmlns:a16="http://schemas.microsoft.com/office/drawing/2014/main" id="{D259090D-7629-4E10-8346-2C7F69D28B0D}"/>
              </a:ext>
            </a:extLst>
          </p:cNvPr>
          <p:cNvSpPr>
            <a:spLocks noGrp="1"/>
          </p:cNvSpPr>
          <p:nvPr>
            <p:ph idx="1"/>
          </p:nvPr>
        </p:nvSpPr>
        <p:spPr>
          <a:xfrm>
            <a:off x="354013" y="1911063"/>
            <a:ext cx="5604740" cy="4351338"/>
          </a:xfrm>
        </p:spPr>
        <p:txBody>
          <a:bodyPr/>
          <a:lstStyle>
            <a:lvl1pPr>
              <a:defRPr>
                <a:solidFill>
                  <a:srgbClr val="17375E"/>
                </a:solidFill>
              </a:defRPr>
            </a:lvl1pPr>
            <a:lvl2pPr>
              <a:defRPr>
                <a:solidFill>
                  <a:srgbClr val="17375E"/>
                </a:solidFill>
              </a:defRPr>
            </a:lvl2pPr>
            <a:lvl3pPr>
              <a:defRPr>
                <a:solidFill>
                  <a:srgbClr val="17375E"/>
                </a:solidFill>
              </a:defRPr>
            </a:lvl3pPr>
            <a:lvl4pPr>
              <a:defRPr>
                <a:solidFill>
                  <a:srgbClr val="17375E"/>
                </a:solidFill>
              </a:defRPr>
            </a:lvl4pPr>
            <a:lvl5pPr>
              <a:defRPr>
                <a:solidFill>
                  <a:srgbClr val="17375E"/>
                </a:solidFill>
              </a:defRPr>
            </a:lvl5pPr>
          </a:lstStyle>
          <a:p>
            <a:pPr lvl="0"/>
            <a:r>
              <a:rPr lang="fr-FR"/>
              <a:t>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4" name="Titre 1">
            <a:extLst>
              <a:ext uri="{FF2B5EF4-FFF2-40B4-BE49-F238E27FC236}">
                <a16:creationId xmlns:a16="http://schemas.microsoft.com/office/drawing/2014/main" id="{C790E358-7A91-43BA-B2C6-78B118E3CF77}"/>
              </a:ext>
            </a:extLst>
          </p:cNvPr>
          <p:cNvSpPr txBox="1">
            <a:spLocks/>
          </p:cNvSpPr>
          <p:nvPr userDrawn="1"/>
        </p:nvSpPr>
        <p:spPr>
          <a:xfrm>
            <a:off x="359183" y="98875"/>
            <a:ext cx="7464760" cy="842421"/>
          </a:xfrm>
          <a:prstGeom prst="rect">
            <a:avLst/>
          </a:prstGeom>
        </p:spPr>
        <p:txBody>
          <a:bodyPr vert="horz" lIns="91416" tIns="45708" rIns="91416" bIns="45708" rtlCol="0" anchor="ctr">
            <a:normAutofit/>
          </a:bodyPr>
          <a:lstStyle>
            <a:lvl1pPr algn="l" defTabSz="914400" rtl="0" eaLnBrk="1" latinLnBrk="0" hangingPunct="1">
              <a:lnSpc>
                <a:spcPct val="90000"/>
              </a:lnSpc>
              <a:spcBef>
                <a:spcPct val="0"/>
              </a:spcBef>
              <a:buNone/>
              <a:defRPr sz="4000" b="1" kern="1200">
                <a:solidFill>
                  <a:srgbClr val="5CDBED"/>
                </a:solidFill>
                <a:latin typeface="+mj-lt"/>
                <a:ea typeface="+mj-ea"/>
                <a:cs typeface="+mj-cs"/>
              </a:defRPr>
            </a:lvl1pPr>
          </a:lstStyle>
          <a:p>
            <a:r>
              <a:rPr lang="fr-FR" sz="3999"/>
              <a:t>Modifiez le style du titre</a:t>
            </a:r>
          </a:p>
        </p:txBody>
      </p:sp>
      <p:sp>
        <p:nvSpPr>
          <p:cNvPr id="11" name="Slide number">
            <a:extLst>
              <a:ext uri="{FF2B5EF4-FFF2-40B4-BE49-F238E27FC236}">
                <a16:creationId xmlns:a16="http://schemas.microsoft.com/office/drawing/2014/main" id="{7EE20E8D-DF66-47E4-816C-D6CC68F2E674}"/>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343397739"/>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5_Titre de section">
    <p:spTree>
      <p:nvGrpSpPr>
        <p:cNvPr id="1" name=""/>
        <p:cNvGrpSpPr/>
        <p:nvPr/>
      </p:nvGrpSpPr>
      <p:grpSpPr>
        <a:xfrm>
          <a:off x="0" y="0"/>
          <a:ext cx="0" cy="0"/>
          <a:chOff x="0" y="0"/>
          <a:chExt cx="0" cy="0"/>
        </a:xfrm>
      </p:grpSpPr>
      <p:pic>
        <p:nvPicPr>
          <p:cNvPr id="3" name="Image 2">
            <a:extLst>
              <a:ext uri="{FF2B5EF4-FFF2-40B4-BE49-F238E27FC236}">
                <a16:creationId xmlns:a16="http://schemas.microsoft.com/office/drawing/2014/main" id="{CBB77000-62E9-419F-AAA0-D666BF135A32}"/>
              </a:ext>
            </a:extLst>
          </p:cNvPr>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1912532" y="0"/>
            <a:ext cx="10276293" cy="6858000"/>
          </a:xfrm>
          <a:prstGeom prst="rect">
            <a:avLst/>
          </a:prstGeom>
        </p:spPr>
      </p:pic>
      <p:sp>
        <p:nvSpPr>
          <p:cNvPr id="8" name="Ellipse 7">
            <a:extLst>
              <a:ext uri="{FF2B5EF4-FFF2-40B4-BE49-F238E27FC236}">
                <a16:creationId xmlns:a16="http://schemas.microsoft.com/office/drawing/2014/main" id="{CC031DCE-C60B-43BF-8851-B148CD2DE36D}"/>
              </a:ext>
            </a:extLst>
          </p:cNvPr>
          <p:cNvSpPr/>
          <p:nvPr userDrawn="1"/>
        </p:nvSpPr>
        <p:spPr>
          <a:xfrm>
            <a:off x="-1305779" y="-909798"/>
            <a:ext cx="9712203" cy="8677595"/>
          </a:xfrm>
          <a:prstGeom prst="ellipse">
            <a:avLst/>
          </a:prstGeom>
          <a:solidFill>
            <a:srgbClr val="BBAC99">
              <a:alpha val="52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9" name="Ellipse 8">
            <a:extLst>
              <a:ext uri="{FF2B5EF4-FFF2-40B4-BE49-F238E27FC236}">
                <a16:creationId xmlns:a16="http://schemas.microsoft.com/office/drawing/2014/main" id="{49699C16-DC73-419C-B885-ED76D44B97B8}"/>
              </a:ext>
            </a:extLst>
          </p:cNvPr>
          <p:cNvSpPr/>
          <p:nvPr userDrawn="1"/>
        </p:nvSpPr>
        <p:spPr>
          <a:xfrm>
            <a:off x="-2195601" y="-909798"/>
            <a:ext cx="9712203" cy="8677595"/>
          </a:xfrm>
          <a:prstGeom prst="ellipse">
            <a:avLst/>
          </a:prstGeom>
          <a:solidFill>
            <a:schemeClr val="bg1">
              <a:alpha val="5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10" name="Ellipse 9">
            <a:extLst>
              <a:ext uri="{FF2B5EF4-FFF2-40B4-BE49-F238E27FC236}">
                <a16:creationId xmlns:a16="http://schemas.microsoft.com/office/drawing/2014/main" id="{E644AC81-6FEB-421B-B126-97288480DAE1}"/>
              </a:ext>
            </a:extLst>
          </p:cNvPr>
          <p:cNvSpPr/>
          <p:nvPr userDrawn="1"/>
        </p:nvSpPr>
        <p:spPr>
          <a:xfrm>
            <a:off x="-3283640" y="-909798"/>
            <a:ext cx="9712203" cy="8677595"/>
          </a:xfrm>
          <a:prstGeom prst="ellipse">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4" name="Espace réservé de la date 3">
            <a:extLst>
              <a:ext uri="{FF2B5EF4-FFF2-40B4-BE49-F238E27FC236}">
                <a16:creationId xmlns:a16="http://schemas.microsoft.com/office/drawing/2014/main" id="{970B7B59-0978-4596-AF16-8076CF237467}"/>
              </a:ext>
            </a:extLst>
          </p:cNvPr>
          <p:cNvSpPr>
            <a:spLocks noGrp="1"/>
          </p:cNvSpPr>
          <p:nvPr>
            <p:ph type="dt" sz="half" idx="10"/>
          </p:nvPr>
        </p:nvSpPr>
        <p:spPr/>
        <p:txBody>
          <a:bodyPr/>
          <a:lstStyle/>
          <a:p>
            <a:endParaRPr lang="fr-FR"/>
          </a:p>
        </p:txBody>
      </p:sp>
      <p:sp>
        <p:nvSpPr>
          <p:cNvPr id="5" name="Espace réservé du pied de page 4">
            <a:extLst>
              <a:ext uri="{FF2B5EF4-FFF2-40B4-BE49-F238E27FC236}">
                <a16:creationId xmlns:a16="http://schemas.microsoft.com/office/drawing/2014/main" id="{688D3F0E-298C-4FC3-872D-AFC75A850500}"/>
              </a:ext>
            </a:extLst>
          </p:cNvPr>
          <p:cNvSpPr>
            <a:spLocks noGrp="1"/>
          </p:cNvSpPr>
          <p:nvPr>
            <p:ph type="ftr" sz="quarter" idx="11"/>
          </p:nvPr>
        </p:nvSpPr>
        <p:spPr/>
        <p:txBody>
          <a:bodyPr/>
          <a:lstStyle/>
          <a:p>
            <a:endParaRPr lang="fr-FR"/>
          </a:p>
        </p:txBody>
      </p:sp>
      <p:sp>
        <p:nvSpPr>
          <p:cNvPr id="11" name="Slide number">
            <a:extLst>
              <a:ext uri="{FF2B5EF4-FFF2-40B4-BE49-F238E27FC236}">
                <a16:creationId xmlns:a16="http://schemas.microsoft.com/office/drawing/2014/main" id="{595AED69-56A5-4BA0-93E3-4E758B1480CD}"/>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277748467"/>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userDrawn="1">
  <p:cSld name="1_Portfolio 1">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5E40AD89-ECB8-4595-BD4E-0DBFCB1ABE45}"/>
              </a:ext>
            </a:extLst>
          </p:cNvPr>
          <p:cNvSpPr>
            <a:spLocks noGrp="1"/>
          </p:cNvSpPr>
          <p:nvPr>
            <p:ph type="pic" sz="quarter" idx="12"/>
          </p:nvPr>
        </p:nvSpPr>
        <p:spPr>
          <a:xfrm>
            <a:off x="9939697" y="1"/>
            <a:ext cx="2249128" cy="2191363"/>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2" name="Picture Placeholder 11">
            <a:extLst>
              <a:ext uri="{FF2B5EF4-FFF2-40B4-BE49-F238E27FC236}">
                <a16:creationId xmlns:a16="http://schemas.microsoft.com/office/drawing/2014/main" id="{767C63A9-C99F-4C61-85C2-BACF70199E95}"/>
              </a:ext>
            </a:extLst>
          </p:cNvPr>
          <p:cNvSpPr>
            <a:spLocks noGrp="1"/>
          </p:cNvSpPr>
          <p:nvPr>
            <p:ph type="pic" sz="quarter" idx="13"/>
          </p:nvPr>
        </p:nvSpPr>
        <p:spPr>
          <a:xfrm>
            <a:off x="9939697" y="2316701"/>
            <a:ext cx="2249128" cy="2224598"/>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3" name="Picture Placeholder 12">
            <a:extLst>
              <a:ext uri="{FF2B5EF4-FFF2-40B4-BE49-F238E27FC236}">
                <a16:creationId xmlns:a16="http://schemas.microsoft.com/office/drawing/2014/main" id="{7F609813-0ED7-45B2-8C32-EEC437BF9561}"/>
              </a:ext>
            </a:extLst>
          </p:cNvPr>
          <p:cNvSpPr>
            <a:spLocks noGrp="1"/>
          </p:cNvSpPr>
          <p:nvPr>
            <p:ph type="pic" sz="quarter" idx="14"/>
          </p:nvPr>
        </p:nvSpPr>
        <p:spPr>
          <a:xfrm>
            <a:off x="9939697" y="4633402"/>
            <a:ext cx="2249128" cy="2224598"/>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10" name="Picture Placeholder 9">
            <a:extLst>
              <a:ext uri="{FF2B5EF4-FFF2-40B4-BE49-F238E27FC236}">
                <a16:creationId xmlns:a16="http://schemas.microsoft.com/office/drawing/2014/main" id="{B2046AB7-92C9-43EA-8F95-5119F4C3CD66}"/>
              </a:ext>
            </a:extLst>
          </p:cNvPr>
          <p:cNvSpPr>
            <a:spLocks noGrp="1"/>
          </p:cNvSpPr>
          <p:nvPr>
            <p:ph type="pic" sz="quarter" idx="11"/>
          </p:nvPr>
        </p:nvSpPr>
        <p:spPr>
          <a:xfrm>
            <a:off x="0" y="2191364"/>
            <a:ext cx="3891066" cy="4666637"/>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Slide number">
            <a:extLst>
              <a:ext uri="{FF2B5EF4-FFF2-40B4-BE49-F238E27FC236}">
                <a16:creationId xmlns:a16="http://schemas.microsoft.com/office/drawing/2014/main" id="{04FC4656-5886-4334-91AB-930D4800B62C}"/>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3646289522"/>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userDrawn="1">
  <p:cSld name="1_About us 4">
    <p:spTree>
      <p:nvGrpSpPr>
        <p:cNvPr id="1" name=""/>
        <p:cNvGrpSpPr/>
        <p:nvPr/>
      </p:nvGrpSpPr>
      <p:grpSpPr>
        <a:xfrm>
          <a:off x="0" y="0"/>
          <a:ext cx="0" cy="0"/>
          <a:chOff x="0" y="0"/>
          <a:chExt cx="0" cy="0"/>
        </a:xfrm>
      </p:grpSpPr>
      <p:sp>
        <p:nvSpPr>
          <p:cNvPr id="7" name="Graphic 7">
            <a:extLst>
              <a:ext uri="{FF2B5EF4-FFF2-40B4-BE49-F238E27FC236}">
                <a16:creationId xmlns:a16="http://schemas.microsoft.com/office/drawing/2014/main" id="{7097EB5F-3E1D-4050-B8C9-2F53E660576C}"/>
              </a:ext>
            </a:extLst>
          </p:cNvPr>
          <p:cNvSpPr/>
          <p:nvPr userDrawn="1"/>
        </p:nvSpPr>
        <p:spPr>
          <a:xfrm flipH="1">
            <a:off x="6671000" y="0"/>
            <a:ext cx="5517824" cy="6858000"/>
          </a:xfrm>
          <a:custGeom>
            <a:avLst/>
            <a:gdLst>
              <a:gd name="connsiteX0" fmla="*/ 3573392 w 3755288"/>
              <a:gd name="connsiteY0" fmla="*/ 1585991 h 3745837"/>
              <a:gd name="connsiteX1" fmla="*/ 3722429 w 3755288"/>
              <a:gd name="connsiteY1" fmla="*/ 1771822 h 3745837"/>
              <a:gd name="connsiteX2" fmla="*/ 3720327 w 3755288"/>
              <a:gd name="connsiteY2" fmla="*/ 1976587 h 3745837"/>
              <a:gd name="connsiteX3" fmla="*/ 3573392 w 3755288"/>
              <a:gd name="connsiteY3" fmla="*/ 2159847 h 3745837"/>
              <a:gd name="connsiteX4" fmla="*/ 3573392 w 3755288"/>
              <a:gd name="connsiteY4" fmla="*/ 3745838 h 3745837"/>
              <a:gd name="connsiteX5" fmla="*/ 0 w 3755288"/>
              <a:gd name="connsiteY5" fmla="*/ 3745838 h 3745837"/>
              <a:gd name="connsiteX6" fmla="*/ 0 w 3755288"/>
              <a:gd name="connsiteY6" fmla="*/ 0 h 3745837"/>
              <a:gd name="connsiteX7" fmla="*/ 3573392 w 3755288"/>
              <a:gd name="connsiteY7" fmla="*/ 0 h 3745837"/>
              <a:gd name="connsiteX8" fmla="*/ 3573392 w 3755288"/>
              <a:gd name="connsiteY8" fmla="*/ 1585991 h 37458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755288" h="3745837">
                <a:moveTo>
                  <a:pt x="3573392" y="1585991"/>
                </a:moveTo>
                <a:lnTo>
                  <a:pt x="3722429" y="1771822"/>
                </a:lnTo>
                <a:cubicBezTo>
                  <a:pt x="3767047" y="1827455"/>
                  <a:pt x="3766113" y="1919552"/>
                  <a:pt x="3720327" y="1976587"/>
                </a:cubicBezTo>
                <a:lnTo>
                  <a:pt x="3573392" y="2159847"/>
                </a:lnTo>
                <a:lnTo>
                  <a:pt x="3573392" y="3745838"/>
                </a:lnTo>
                <a:lnTo>
                  <a:pt x="0" y="3745838"/>
                </a:lnTo>
                <a:lnTo>
                  <a:pt x="0" y="0"/>
                </a:lnTo>
                <a:lnTo>
                  <a:pt x="3573392" y="0"/>
                </a:lnTo>
                <a:lnTo>
                  <a:pt x="3573392" y="1585991"/>
                </a:lnTo>
                <a:close/>
              </a:path>
            </a:pathLst>
          </a:custGeom>
          <a:solidFill>
            <a:srgbClr val="F3F3F9"/>
          </a:solidFill>
          <a:ln w="7194" cap="flat">
            <a:noFill/>
            <a:prstDash val="solid"/>
            <a:miter/>
          </a:ln>
        </p:spPr>
        <p:txBody>
          <a:bodyPr rtlCol="0" anchor="ctr"/>
          <a:lstStyle/>
          <a:p>
            <a:endParaRPr lang="en-US" sz="1799"/>
          </a:p>
        </p:txBody>
      </p:sp>
      <p:sp>
        <p:nvSpPr>
          <p:cNvPr id="10" name="Picture Placeholder 9">
            <a:extLst>
              <a:ext uri="{FF2B5EF4-FFF2-40B4-BE49-F238E27FC236}">
                <a16:creationId xmlns:a16="http://schemas.microsoft.com/office/drawing/2014/main" id="{DFA07284-EA3A-4A06-AD0A-EED80E185506}"/>
              </a:ext>
            </a:extLst>
          </p:cNvPr>
          <p:cNvSpPr>
            <a:spLocks noGrp="1"/>
          </p:cNvSpPr>
          <p:nvPr>
            <p:ph type="pic" sz="quarter" idx="11"/>
          </p:nvPr>
        </p:nvSpPr>
        <p:spPr>
          <a:xfrm>
            <a:off x="7380390" y="0"/>
            <a:ext cx="4808435" cy="6858000"/>
          </a:xfrm>
          <a:custGeom>
            <a:avLst/>
            <a:gdLst>
              <a:gd name="connsiteX0" fmla="*/ 0 w 4809688"/>
              <a:gd name="connsiteY0" fmla="*/ 6090443 h 6858000"/>
              <a:gd name="connsiteX1" fmla="*/ 4087909 w 4809688"/>
              <a:gd name="connsiteY1" fmla="*/ 6090443 h 6858000"/>
              <a:gd name="connsiteX2" fmla="*/ 4809688 w 4809688"/>
              <a:gd name="connsiteY2" fmla="*/ 6812222 h 6858000"/>
              <a:gd name="connsiteX3" fmla="*/ 4809688 w 4809688"/>
              <a:gd name="connsiteY3" fmla="*/ 6858000 h 6858000"/>
              <a:gd name="connsiteX4" fmla="*/ 0 w 4809688"/>
              <a:gd name="connsiteY4" fmla="*/ 6858000 h 6858000"/>
              <a:gd name="connsiteX5" fmla="*/ 721759 w 4809688"/>
              <a:gd name="connsiteY5" fmla="*/ 0 h 6858000"/>
              <a:gd name="connsiteX6" fmla="*/ 4809688 w 4809688"/>
              <a:gd name="connsiteY6" fmla="*/ 0 h 6858000"/>
              <a:gd name="connsiteX7" fmla="*/ 4809688 w 4809688"/>
              <a:gd name="connsiteY7" fmla="*/ 3316821 h 6858000"/>
              <a:gd name="connsiteX8" fmla="*/ 4087909 w 4809688"/>
              <a:gd name="connsiteY8" fmla="*/ 4038600 h 6858000"/>
              <a:gd name="connsiteX9" fmla="*/ 0 w 4809688"/>
              <a:gd name="connsiteY9" fmla="*/ 4038600 h 6858000"/>
              <a:gd name="connsiteX10" fmla="*/ 0 w 4809688"/>
              <a:gd name="connsiteY10" fmla="*/ 721778 h 6858000"/>
              <a:gd name="connsiteX11" fmla="*/ 647981 w 4809688"/>
              <a:gd name="connsiteY11" fmla="*/ 3726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4809688" h="6858000">
                <a:moveTo>
                  <a:pt x="0" y="6090443"/>
                </a:moveTo>
                <a:lnTo>
                  <a:pt x="4087909" y="6090443"/>
                </a:lnTo>
                <a:cubicBezTo>
                  <a:pt x="4486537" y="6090443"/>
                  <a:pt x="4809688" y="6413594"/>
                  <a:pt x="4809688" y="6812222"/>
                </a:cubicBezTo>
                <a:lnTo>
                  <a:pt x="4809688" y="6858000"/>
                </a:lnTo>
                <a:lnTo>
                  <a:pt x="0" y="6858000"/>
                </a:lnTo>
                <a:close/>
                <a:moveTo>
                  <a:pt x="721759" y="0"/>
                </a:moveTo>
                <a:lnTo>
                  <a:pt x="4809688" y="0"/>
                </a:lnTo>
                <a:lnTo>
                  <a:pt x="4809688" y="3316821"/>
                </a:lnTo>
                <a:cubicBezTo>
                  <a:pt x="4809688" y="3715449"/>
                  <a:pt x="4486537" y="4038600"/>
                  <a:pt x="4087909" y="4038600"/>
                </a:cubicBezTo>
                <a:lnTo>
                  <a:pt x="0" y="4038600"/>
                </a:lnTo>
                <a:lnTo>
                  <a:pt x="0" y="721778"/>
                </a:lnTo>
                <a:cubicBezTo>
                  <a:pt x="0" y="348064"/>
                  <a:pt x="284020" y="40688"/>
                  <a:pt x="647981" y="3726"/>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4" name="Slide number">
            <a:extLst>
              <a:ext uri="{FF2B5EF4-FFF2-40B4-BE49-F238E27FC236}">
                <a16:creationId xmlns:a16="http://schemas.microsoft.com/office/drawing/2014/main" id="{14D8F16A-A63D-46B2-B980-5AD35915FE0A}"/>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69741605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userDrawn="1">
  <p:cSld name="1_About us 2">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E57D7D5D-07F5-4D1C-BBFB-C89E11CFB1BC}"/>
              </a:ext>
            </a:extLst>
          </p:cNvPr>
          <p:cNvSpPr>
            <a:spLocks noGrp="1"/>
          </p:cNvSpPr>
          <p:nvPr>
            <p:ph type="pic" sz="quarter" idx="12"/>
          </p:nvPr>
        </p:nvSpPr>
        <p:spPr>
          <a:xfrm>
            <a:off x="1880714" y="4613940"/>
            <a:ext cx="891060" cy="891292"/>
          </a:xfrm>
          <a:custGeom>
            <a:avLst/>
            <a:gdLst>
              <a:gd name="connsiteX0" fmla="*/ 354853 w 709706"/>
              <a:gd name="connsiteY0" fmla="*/ 0 h 709706"/>
              <a:gd name="connsiteX1" fmla="*/ 709706 w 709706"/>
              <a:gd name="connsiteY1" fmla="*/ 354853 h 709706"/>
              <a:gd name="connsiteX2" fmla="*/ 354853 w 709706"/>
              <a:gd name="connsiteY2" fmla="*/ 709706 h 709706"/>
              <a:gd name="connsiteX3" fmla="*/ 0 w 709706"/>
              <a:gd name="connsiteY3" fmla="*/ 354853 h 709706"/>
              <a:gd name="connsiteX4" fmla="*/ 354853 w 709706"/>
              <a:gd name="connsiteY4" fmla="*/ 0 h 7097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09706" h="709706">
                <a:moveTo>
                  <a:pt x="354853" y="0"/>
                </a:moveTo>
                <a:cubicBezTo>
                  <a:pt x="550833" y="0"/>
                  <a:pt x="709706" y="158873"/>
                  <a:pt x="709706" y="354853"/>
                </a:cubicBezTo>
                <a:cubicBezTo>
                  <a:pt x="709706" y="550833"/>
                  <a:pt x="550833" y="709706"/>
                  <a:pt x="354853" y="709706"/>
                </a:cubicBezTo>
                <a:cubicBezTo>
                  <a:pt x="158873" y="709706"/>
                  <a:pt x="0" y="550833"/>
                  <a:pt x="0" y="354853"/>
                </a:cubicBezTo>
                <a:cubicBezTo>
                  <a:pt x="0" y="158873"/>
                  <a:pt x="158873" y="0"/>
                  <a:pt x="354853"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8" name="Picture Placeholder 9">
            <a:extLst>
              <a:ext uri="{FF2B5EF4-FFF2-40B4-BE49-F238E27FC236}">
                <a16:creationId xmlns:a16="http://schemas.microsoft.com/office/drawing/2014/main" id="{8084CA13-1BB4-41A5-9E5E-45DAE17D6F2E}"/>
              </a:ext>
            </a:extLst>
          </p:cNvPr>
          <p:cNvSpPr>
            <a:spLocks noGrp="1"/>
          </p:cNvSpPr>
          <p:nvPr>
            <p:ph type="pic" sz="quarter" idx="11"/>
          </p:nvPr>
        </p:nvSpPr>
        <p:spPr>
          <a:xfrm>
            <a:off x="7303772" y="1"/>
            <a:ext cx="4885054" cy="6858000"/>
          </a:xfrm>
          <a:prstGeom prst="rect">
            <a:avLst/>
          </a:prstGeom>
          <a:pattFill prst="pct5">
            <a:fgClr>
              <a:schemeClr val="accent1"/>
            </a:fgClr>
            <a:bgClr>
              <a:schemeClr val="bg1"/>
            </a:bgClr>
          </a:pattFill>
        </p:spPr>
        <p:txBody>
          <a:bodyPr wrap="square">
            <a:noAutofit/>
          </a:bodyPr>
          <a:lstStyle>
            <a:lvl1pPr>
              <a:defRPr sz="1200"/>
            </a:lvl1pPr>
          </a:lstStyle>
          <a:p>
            <a:endParaRPr lang="en-US"/>
          </a:p>
        </p:txBody>
      </p:sp>
      <p:sp>
        <p:nvSpPr>
          <p:cNvPr id="6" name="Freeform: Shape 5">
            <a:extLst>
              <a:ext uri="{FF2B5EF4-FFF2-40B4-BE49-F238E27FC236}">
                <a16:creationId xmlns:a16="http://schemas.microsoft.com/office/drawing/2014/main" id="{3996ACE5-9E6E-4F52-B8E3-00185F3083F8}"/>
              </a:ext>
            </a:extLst>
          </p:cNvPr>
          <p:cNvSpPr/>
          <p:nvPr userDrawn="1"/>
        </p:nvSpPr>
        <p:spPr>
          <a:xfrm>
            <a:off x="2" y="2286512"/>
            <a:ext cx="428217" cy="2963801"/>
          </a:xfrm>
          <a:custGeom>
            <a:avLst/>
            <a:gdLst>
              <a:gd name="connsiteX0" fmla="*/ 0 w 428329"/>
              <a:gd name="connsiteY0" fmla="*/ 0 h 2963801"/>
              <a:gd name="connsiteX1" fmla="*/ 34167 w 428329"/>
              <a:gd name="connsiteY1" fmla="*/ 82256 h 2963801"/>
              <a:gd name="connsiteX2" fmla="*/ 59351 w 428329"/>
              <a:gd name="connsiteY2" fmla="*/ 2846709 h 2963801"/>
              <a:gd name="connsiteX3" fmla="*/ 0 w 428329"/>
              <a:gd name="connsiteY3" fmla="*/ 2963801 h 2963801"/>
            </a:gdLst>
            <a:ahLst/>
            <a:cxnLst>
              <a:cxn ang="0">
                <a:pos x="connsiteX0" y="connsiteY0"/>
              </a:cxn>
              <a:cxn ang="0">
                <a:pos x="connsiteX1" y="connsiteY1"/>
              </a:cxn>
              <a:cxn ang="0">
                <a:pos x="connsiteX2" y="connsiteY2"/>
              </a:cxn>
              <a:cxn ang="0">
                <a:pos x="connsiteX3" y="connsiteY3"/>
              </a:cxn>
            </a:cxnLst>
            <a:rect l="l" t="t" r="r" b="b"/>
            <a:pathLst>
              <a:path w="428329" h="2963801">
                <a:moveTo>
                  <a:pt x="0" y="0"/>
                </a:moveTo>
                <a:lnTo>
                  <a:pt x="34167" y="82256"/>
                </a:lnTo>
                <a:cubicBezTo>
                  <a:pt x="345350" y="797922"/>
                  <a:pt x="726372" y="1462197"/>
                  <a:pt x="59351" y="2846709"/>
                </a:cubicBezTo>
                <a:lnTo>
                  <a:pt x="0" y="2963801"/>
                </a:lnTo>
                <a:close/>
              </a:path>
            </a:pathLst>
          </a:custGeom>
          <a:solidFill>
            <a:srgbClr val="5CDBE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799"/>
          </a:p>
        </p:txBody>
      </p:sp>
      <p:sp>
        <p:nvSpPr>
          <p:cNvPr id="5" name="Slide number">
            <a:extLst>
              <a:ext uri="{FF2B5EF4-FFF2-40B4-BE49-F238E27FC236}">
                <a16:creationId xmlns:a16="http://schemas.microsoft.com/office/drawing/2014/main" id="{FAB6FEFB-0331-4091-B266-C24F75E3D5B8}"/>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3039011708"/>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userDrawn="1">
  <p:cSld name="14_BLANK">
    <p:bg>
      <p:bgPr>
        <a:solidFill>
          <a:schemeClr val="bg1"/>
        </a:solidFill>
        <a:effectLst/>
      </p:bgPr>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B6D855B5-33FD-44AC-8D70-82F93AFAD4DA}"/>
              </a:ext>
            </a:extLst>
          </p:cNvPr>
          <p:cNvSpPr>
            <a:spLocks noGrp="1"/>
          </p:cNvSpPr>
          <p:nvPr>
            <p:ph type="body" sz="quarter" idx="10" hasCustomPrompt="1"/>
          </p:nvPr>
        </p:nvSpPr>
        <p:spPr>
          <a:xfrm>
            <a:off x="1197553" y="539316"/>
            <a:ext cx="2242335" cy="492443"/>
          </a:xfrm>
        </p:spPr>
        <p:txBody>
          <a:bodyPr tIns="0" bIns="0" anchor="ctr"/>
          <a:lstStyle>
            <a:lvl1pPr>
              <a:defRPr sz="1600" spc="0" baseline="0">
                <a:solidFill>
                  <a:schemeClr val="tx2"/>
                </a:solidFill>
              </a:defRPr>
            </a:lvl1pPr>
          </a:lstStyle>
          <a:p>
            <a:pPr lvl="0"/>
            <a:r>
              <a:rPr lang="en-US"/>
              <a:t>CLICK TO EDIT MASTER TEXT STYLES</a:t>
            </a:r>
          </a:p>
        </p:txBody>
      </p:sp>
      <p:sp>
        <p:nvSpPr>
          <p:cNvPr id="4" name="Text Placeholder 3">
            <a:extLst>
              <a:ext uri="{FF2B5EF4-FFF2-40B4-BE49-F238E27FC236}">
                <a16:creationId xmlns:a16="http://schemas.microsoft.com/office/drawing/2014/main" id="{11779AC8-33F0-47A5-8C0B-B60759134522}"/>
              </a:ext>
            </a:extLst>
          </p:cNvPr>
          <p:cNvSpPr>
            <a:spLocks noGrp="1"/>
          </p:cNvSpPr>
          <p:nvPr>
            <p:ph type="body" sz="quarter" idx="11"/>
          </p:nvPr>
        </p:nvSpPr>
        <p:spPr>
          <a:xfrm>
            <a:off x="457081" y="1265644"/>
            <a:ext cx="3962938" cy="276999"/>
          </a:xfrm>
        </p:spPr>
        <p:txBody>
          <a:bodyPr tIns="0" rIns="0" bIns="0"/>
          <a:lstStyle>
            <a:lvl1pPr>
              <a:defRPr sz="1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p:txBody>
      </p:sp>
      <p:sp>
        <p:nvSpPr>
          <p:cNvPr id="7" name="Text Placeholder 6">
            <a:extLst>
              <a:ext uri="{FF2B5EF4-FFF2-40B4-BE49-F238E27FC236}">
                <a16:creationId xmlns:a16="http://schemas.microsoft.com/office/drawing/2014/main" id="{C2ABD898-5940-4234-BE04-22A4B5EFAB25}"/>
              </a:ext>
            </a:extLst>
          </p:cNvPr>
          <p:cNvSpPr>
            <a:spLocks noGrp="1"/>
          </p:cNvSpPr>
          <p:nvPr>
            <p:ph type="body" sz="quarter" idx="12"/>
          </p:nvPr>
        </p:nvSpPr>
        <p:spPr>
          <a:xfrm>
            <a:off x="457080" y="3303362"/>
            <a:ext cx="3962939" cy="615553"/>
          </a:xfrm>
        </p:spPr>
        <p:txBody>
          <a:bodyPr/>
          <a:lstStyle>
            <a:lvl1pPr algn="l">
              <a:defRPr sz="2799" spc="0" baseline="0">
                <a:solidFill>
                  <a:schemeClr val="tx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8" name="Text Placeholder 6">
            <a:extLst>
              <a:ext uri="{FF2B5EF4-FFF2-40B4-BE49-F238E27FC236}">
                <a16:creationId xmlns:a16="http://schemas.microsoft.com/office/drawing/2014/main" id="{1092CC28-3B00-4BED-81DB-23E11FF5637E}"/>
              </a:ext>
            </a:extLst>
          </p:cNvPr>
          <p:cNvSpPr>
            <a:spLocks noGrp="1"/>
          </p:cNvSpPr>
          <p:nvPr>
            <p:ph type="body" sz="quarter" idx="13"/>
          </p:nvPr>
        </p:nvSpPr>
        <p:spPr>
          <a:xfrm>
            <a:off x="457080" y="4039951"/>
            <a:ext cx="3369206" cy="276999"/>
          </a:xfrm>
        </p:spPr>
        <p:txBody>
          <a:bodyPr tIns="0"/>
          <a:lstStyle>
            <a:lvl1pPr marL="171399" indent="-171399" algn="l">
              <a:spcAft>
                <a:spcPts val="400"/>
              </a:spcAft>
              <a:buFont typeface="Arial" panose="020B0604020202020204" pitchFamily="34" charset="0"/>
              <a:buChar char="•"/>
              <a:defRPr sz="1200" spc="0" baseline="0">
                <a:solidFill>
                  <a:schemeClr val="tx1"/>
                </a:solidFill>
                <a:latin typeface="+mn-lt"/>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a:t>
            </a:r>
          </a:p>
        </p:txBody>
      </p:sp>
      <p:sp>
        <p:nvSpPr>
          <p:cNvPr id="12" name="Rectangle 11">
            <a:extLst>
              <a:ext uri="{FF2B5EF4-FFF2-40B4-BE49-F238E27FC236}">
                <a16:creationId xmlns:a16="http://schemas.microsoft.com/office/drawing/2014/main" id="{1E19E872-5140-45A8-B62A-46E06508F02A}"/>
              </a:ext>
            </a:extLst>
          </p:cNvPr>
          <p:cNvSpPr/>
          <p:nvPr userDrawn="1"/>
        </p:nvSpPr>
        <p:spPr bwMode="auto">
          <a:xfrm>
            <a:off x="6094412" y="0"/>
            <a:ext cx="6094413" cy="6858000"/>
          </a:xfrm>
          <a:prstGeom prst="rect">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32" tIns="146266" rIns="182832" bIns="146266"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err="1">
              <a:gradFill>
                <a:gsLst>
                  <a:gs pos="0">
                    <a:srgbClr val="FFFFFF"/>
                  </a:gs>
                  <a:gs pos="100000">
                    <a:srgbClr val="FFFFFF"/>
                  </a:gs>
                </a:gsLst>
                <a:lin ang="5400000" scaled="0"/>
              </a:gradFill>
              <a:ea typeface="Segoe UI" pitchFamily="34" charset="0"/>
              <a:cs typeface="Segoe UI" pitchFamily="34" charset="0"/>
            </a:endParaRPr>
          </a:p>
        </p:txBody>
      </p:sp>
      <p:grpSp>
        <p:nvGrpSpPr>
          <p:cNvPr id="9" name="Group 8">
            <a:extLst>
              <a:ext uri="{FF2B5EF4-FFF2-40B4-BE49-F238E27FC236}">
                <a16:creationId xmlns:a16="http://schemas.microsoft.com/office/drawing/2014/main" id="{BF846DF2-9D26-41A1-9445-FC25853E7590}"/>
              </a:ext>
            </a:extLst>
          </p:cNvPr>
          <p:cNvGrpSpPr/>
          <p:nvPr userDrawn="1"/>
        </p:nvGrpSpPr>
        <p:grpSpPr>
          <a:xfrm>
            <a:off x="475365" y="493777"/>
            <a:ext cx="583161" cy="583943"/>
            <a:chOff x="437407" y="353055"/>
            <a:chExt cx="583313" cy="583943"/>
          </a:xfrm>
        </p:grpSpPr>
        <p:sp>
          <p:nvSpPr>
            <p:cNvPr id="10" name="Oval 9">
              <a:extLst>
                <a:ext uri="{FF2B5EF4-FFF2-40B4-BE49-F238E27FC236}">
                  <a16:creationId xmlns:a16="http://schemas.microsoft.com/office/drawing/2014/main" id="{82B880B5-5C73-49E7-851D-F3529FC5ADFA}"/>
                </a:ext>
              </a:extLst>
            </p:cNvPr>
            <p:cNvSpPr/>
            <p:nvPr/>
          </p:nvSpPr>
          <p:spPr bwMode="auto">
            <a:xfrm>
              <a:off x="437407" y="353055"/>
              <a:ext cx="583313" cy="583943"/>
            </a:xfrm>
            <a:prstGeom prst="ellipse">
              <a:avLst/>
            </a:prstGeom>
            <a:solidFill>
              <a:schemeClr val="accent5"/>
            </a:solidFill>
            <a:ln w="57150">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182880" tIns="146304" rIns="182880" bIns="146304" numCol="1" spcCol="0" rtlCol="0" fromWordArt="0" anchor="t" anchorCtr="0" forceAA="0" compatLnSpc="1">
              <a:prstTxWarp prst="textNoShape">
                <a:avLst/>
              </a:prstTxWarp>
              <a:noAutofit/>
            </a:bodyPr>
            <a:lstStyle/>
            <a:p>
              <a:pPr algn="ctr" defTabSz="932192" fontAlgn="base">
                <a:lnSpc>
                  <a:spcPct val="90000"/>
                </a:lnSpc>
                <a:spcBef>
                  <a:spcPct val="0"/>
                </a:spcBef>
                <a:spcAft>
                  <a:spcPct val="0"/>
                </a:spcAft>
              </a:pPr>
              <a:endParaRPr lang="en-US" sz="2399">
                <a:gradFill>
                  <a:gsLst>
                    <a:gs pos="0">
                      <a:srgbClr val="FFFFFF"/>
                    </a:gs>
                    <a:gs pos="100000">
                      <a:srgbClr val="FFFFFF"/>
                    </a:gs>
                  </a:gsLst>
                  <a:lin ang="5400000" scaled="0"/>
                </a:gradFill>
                <a:ea typeface="Segoe UI" pitchFamily="34" charset="0"/>
                <a:cs typeface="Segoe UI" pitchFamily="34" charset="0"/>
              </a:endParaRPr>
            </a:p>
          </p:txBody>
        </p:sp>
        <p:pic>
          <p:nvPicPr>
            <p:cNvPr id="11" name="Picture 10">
              <a:extLst>
                <a:ext uri="{FF2B5EF4-FFF2-40B4-BE49-F238E27FC236}">
                  <a16:creationId xmlns:a16="http://schemas.microsoft.com/office/drawing/2014/main" id="{CD8191C7-7785-4DB3-95C5-65C43816F2ED}"/>
                </a:ext>
              </a:extLst>
            </p:cNvPr>
            <p:cNvPicPr>
              <a:picLocks noChangeAspect="1"/>
            </p:cNvPicPr>
            <p:nvPr/>
          </p:nvPicPr>
          <p:blipFill>
            <a:blip r:embed="rId2" cstate="screen">
              <a:extLst>
                <a:ext uri="{28A0092B-C50C-407E-A947-70E740481C1C}">
                  <a14:useLocalDpi xmlns:a14="http://schemas.microsoft.com/office/drawing/2010/main"/>
                </a:ext>
              </a:extLst>
            </a:blip>
            <a:srcRect/>
            <a:stretch/>
          </p:blipFill>
          <p:spPr>
            <a:xfrm>
              <a:off x="564564" y="478120"/>
              <a:ext cx="328999" cy="333813"/>
            </a:xfrm>
            <a:prstGeom prst="rect">
              <a:avLst/>
            </a:prstGeom>
          </p:spPr>
        </p:pic>
      </p:grpSp>
      <p:sp>
        <p:nvSpPr>
          <p:cNvPr id="13" name="Slide number">
            <a:extLst>
              <a:ext uri="{FF2B5EF4-FFF2-40B4-BE49-F238E27FC236}">
                <a16:creationId xmlns:a16="http://schemas.microsoft.com/office/drawing/2014/main" id="{E2B4B672-61EE-4153-BD74-499D3C39280F}"/>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41642306"/>
      </p:ext>
    </p:extLst>
  </p:cSld>
  <p:clrMapOvr>
    <a:masterClrMapping/>
  </p:clrMapOvr>
  <p:transition>
    <p:fade/>
  </p:transition>
</p:sldLayout>
</file>

<file path=ppt/slideLayouts/slideLayout69.xml><?xml version="1.0" encoding="utf-8"?>
<p:sldLayout xmlns:a="http://schemas.openxmlformats.org/drawingml/2006/main" xmlns:r="http://schemas.openxmlformats.org/officeDocument/2006/relationships" xmlns:p="http://schemas.openxmlformats.org/presentationml/2006/main" userDrawn="1">
  <p:cSld name="4_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7982" y="365126"/>
            <a:ext cx="10512862" cy="768350"/>
          </a:xfrm>
        </p:spPr>
        <p:txBody>
          <a:bodyPr/>
          <a:lstStyle>
            <a:lvl1pPr algn="ctr">
              <a:defRPr/>
            </a:lvl1pPr>
          </a:lstStyle>
          <a:p>
            <a:r>
              <a:rPr lang="en-US"/>
              <a:t>Click to edit Master title style</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a:xfrm>
            <a:off x="8735325" y="6356351"/>
            <a:ext cx="2844059" cy="365125"/>
          </a:xfrm>
          <a:prstGeom prst="rect">
            <a:avLst/>
          </a:prstGeom>
        </p:spPr>
        <p:txBody>
          <a:bodyPr/>
          <a:lstStyle/>
          <a:p>
            <a:fld id="{8A606CC1-1436-4FA3-B5BE-7FF06ED26E03}" type="slidenum">
              <a:rPr lang="en-US" smtClean="0"/>
              <a:t>‹N›</a:t>
            </a:fld>
            <a:endParaRPr lang="en-US"/>
          </a:p>
        </p:txBody>
      </p:sp>
      <p:cxnSp>
        <p:nvCxnSpPr>
          <p:cNvPr id="7" name="Straight Connector 6"/>
          <p:cNvCxnSpPr/>
          <p:nvPr userDrawn="1"/>
        </p:nvCxnSpPr>
        <p:spPr>
          <a:xfrm>
            <a:off x="4713647" y="1133476"/>
            <a:ext cx="276153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93578646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wipe(left)">
                                      <p:cBhvr>
                                        <p:cTn id="11"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Vuota">
    <p:spTree>
      <p:nvGrpSpPr>
        <p:cNvPr id="1" name=""/>
        <p:cNvGrpSpPr/>
        <p:nvPr/>
      </p:nvGrpSpPr>
      <p:grpSpPr>
        <a:xfrm>
          <a:off x="0" y="0"/>
          <a:ext cx="0" cy="0"/>
          <a:chOff x="0" y="0"/>
          <a:chExt cx="0" cy="0"/>
        </a:xfrm>
      </p:grpSpPr>
      <p:sp>
        <p:nvSpPr>
          <p:cNvPr id="2" name="Segnaposto data 1">
            <a:extLst>
              <a:ext uri="{FF2B5EF4-FFF2-40B4-BE49-F238E27FC236}">
                <a16:creationId xmlns:a16="http://schemas.microsoft.com/office/drawing/2014/main" id="{B79D1EAB-EA38-1033-B818-E8EBD0B8E432}"/>
              </a:ext>
            </a:extLst>
          </p:cNvPr>
          <p:cNvSpPr>
            <a:spLocks noGrp="1"/>
          </p:cNvSpPr>
          <p:nvPr>
            <p:ph type="dt" sz="half" idx="10"/>
          </p:nvPr>
        </p:nvSpPr>
        <p:spPr/>
        <p:txBody>
          <a:bodyPr/>
          <a:lstStyle/>
          <a:p>
            <a:endParaRPr lang="fr-FR"/>
          </a:p>
        </p:txBody>
      </p:sp>
      <p:sp>
        <p:nvSpPr>
          <p:cNvPr id="3" name="Segnaposto piè di pagina 2">
            <a:extLst>
              <a:ext uri="{FF2B5EF4-FFF2-40B4-BE49-F238E27FC236}">
                <a16:creationId xmlns:a16="http://schemas.microsoft.com/office/drawing/2014/main" id="{CF48D0EC-7D17-ABE6-24B6-5F8EB339888C}"/>
              </a:ext>
            </a:extLst>
          </p:cNvPr>
          <p:cNvSpPr>
            <a:spLocks noGrp="1"/>
          </p:cNvSpPr>
          <p:nvPr>
            <p:ph type="ftr" sz="quarter" idx="11"/>
          </p:nvPr>
        </p:nvSpPr>
        <p:spPr/>
        <p:txBody>
          <a:bodyPr/>
          <a:lstStyle/>
          <a:p>
            <a:endParaRPr lang="fr-FR"/>
          </a:p>
        </p:txBody>
      </p:sp>
      <p:sp>
        <p:nvSpPr>
          <p:cNvPr id="4" name="Segnaposto numero diapositiva 3">
            <a:extLst>
              <a:ext uri="{FF2B5EF4-FFF2-40B4-BE49-F238E27FC236}">
                <a16:creationId xmlns:a16="http://schemas.microsoft.com/office/drawing/2014/main" id="{1F44A807-77BE-0A01-7623-64A9482C9FD5}"/>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1274886392"/>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7_Titre et contenu">
    <p:spTree>
      <p:nvGrpSpPr>
        <p:cNvPr id="1" name=""/>
        <p:cNvGrpSpPr/>
        <p:nvPr/>
      </p:nvGrpSpPr>
      <p:grpSpPr>
        <a:xfrm>
          <a:off x="0" y="0"/>
          <a:ext cx="0" cy="0"/>
          <a:chOff x="0" y="0"/>
          <a:chExt cx="0" cy="0"/>
        </a:xfrm>
      </p:grpSpPr>
      <p:pic>
        <p:nvPicPr>
          <p:cNvPr id="11" name="Picture 2" descr="C:\Users\i013733\AppData\Local\Microsoft\Windows\Temporary Internet Files\Content.IE5\IC3INUH8\274615_l_srgb_s_gl[1].jpg">
            <a:extLst>
              <a:ext uri="{FF2B5EF4-FFF2-40B4-BE49-F238E27FC236}">
                <a16:creationId xmlns:a16="http://schemas.microsoft.com/office/drawing/2014/main" id="{1F24891D-4133-4A3B-B715-0EE68E053AED}"/>
              </a:ext>
            </a:extLst>
          </p:cNvPr>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5370912" y="11797"/>
            <a:ext cx="6808338" cy="6848622"/>
          </a:xfrm>
          <a:prstGeom prst="rect">
            <a:avLst/>
          </a:prstGeom>
          <a:noFill/>
          <a:extLst>
            <a:ext uri="{909E8E84-426E-40DD-AFC4-6F175D3DCCD1}">
              <a14:hiddenFill xmlns:a14="http://schemas.microsoft.com/office/drawing/2010/main">
                <a:solidFill>
                  <a:srgbClr val="FFFFFF"/>
                </a:solidFill>
              </a14:hiddenFill>
            </a:ext>
          </a:extLst>
        </p:spPr>
      </p:pic>
      <p:sp>
        <p:nvSpPr>
          <p:cNvPr id="8" name="Forme libre 2">
            <a:extLst>
              <a:ext uri="{FF2B5EF4-FFF2-40B4-BE49-F238E27FC236}">
                <a16:creationId xmlns:a16="http://schemas.microsoft.com/office/drawing/2014/main" id="{2FC56465-8785-43B7-ACB2-504FCC7E9A04}"/>
              </a:ext>
            </a:extLst>
          </p:cNvPr>
          <p:cNvSpPr/>
          <p:nvPr userDrawn="1"/>
        </p:nvSpPr>
        <p:spPr>
          <a:xfrm>
            <a:off x="3888930" y="2"/>
            <a:ext cx="6655344"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BBAC99">
              <a:alpha val="58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sp>
        <p:nvSpPr>
          <p:cNvPr id="9" name="Forme libre 3">
            <a:extLst>
              <a:ext uri="{FF2B5EF4-FFF2-40B4-BE49-F238E27FC236}">
                <a16:creationId xmlns:a16="http://schemas.microsoft.com/office/drawing/2014/main" id="{244316E5-F434-4E84-A883-EE2441C35A68}"/>
              </a:ext>
            </a:extLst>
          </p:cNvPr>
          <p:cNvSpPr/>
          <p:nvPr userDrawn="1"/>
        </p:nvSpPr>
        <p:spPr>
          <a:xfrm>
            <a:off x="2889138" y="2"/>
            <a:ext cx="6658358"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rgbClr val="49D4EC">
              <a:alpha val="23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462"/>
          </a:p>
        </p:txBody>
      </p:sp>
      <p:pic>
        <p:nvPicPr>
          <p:cNvPr id="10" name="Image 9">
            <a:extLst>
              <a:ext uri="{FF2B5EF4-FFF2-40B4-BE49-F238E27FC236}">
                <a16:creationId xmlns:a16="http://schemas.microsoft.com/office/drawing/2014/main" id="{E4292A80-D419-4631-8E36-B39215D26EE0}"/>
              </a:ext>
            </a:extLst>
          </p:cNvPr>
          <p:cNvPicPr>
            <a:picLocks noChangeAspect="1"/>
          </p:cNvPicPr>
          <p:nvPr userDrawn="1"/>
        </p:nvPicPr>
        <p:blipFill rotWithShape="1">
          <a:blip r:embed="rId3" cstate="screen">
            <a:extLst>
              <a:ext uri="{28A0092B-C50C-407E-A947-70E740481C1C}">
                <a14:useLocalDpi xmlns:a14="http://schemas.microsoft.com/office/drawing/2010/main"/>
              </a:ext>
            </a:extLst>
          </a:blip>
          <a:srcRect l="16536" b="14184"/>
          <a:stretch/>
        </p:blipFill>
        <p:spPr>
          <a:xfrm>
            <a:off x="2481105" y="-728"/>
            <a:ext cx="6228041" cy="6858000"/>
          </a:xfrm>
          <a:prstGeom prst="rect">
            <a:avLst/>
          </a:prstGeom>
        </p:spPr>
      </p:pic>
      <p:sp>
        <p:nvSpPr>
          <p:cNvPr id="12" name="Forme libre 4">
            <a:extLst>
              <a:ext uri="{FF2B5EF4-FFF2-40B4-BE49-F238E27FC236}">
                <a16:creationId xmlns:a16="http://schemas.microsoft.com/office/drawing/2014/main" id="{F0838871-4A65-42EC-B965-1BCB1C5C82C2}"/>
              </a:ext>
            </a:extLst>
          </p:cNvPr>
          <p:cNvSpPr/>
          <p:nvPr userDrawn="1"/>
        </p:nvSpPr>
        <p:spPr>
          <a:xfrm>
            <a:off x="2274936" y="894"/>
            <a:ext cx="6365319" cy="6857999"/>
          </a:xfrm>
          <a:custGeom>
            <a:avLst/>
            <a:gdLst>
              <a:gd name="connsiteX0" fmla="*/ 8117065 w 8117065"/>
              <a:gd name="connsiteY0" fmla="*/ 0 h 6858000"/>
              <a:gd name="connsiteX1" fmla="*/ 21166 w 8117065"/>
              <a:gd name="connsiteY1" fmla="*/ 0 h 6858000"/>
              <a:gd name="connsiteX2" fmla="*/ 0 w 8117065"/>
              <a:gd name="connsiteY2" fmla="*/ 6858000 h 6858000"/>
              <a:gd name="connsiteX3" fmla="*/ 4190818 w 8117065"/>
              <a:gd name="connsiteY3" fmla="*/ 6858000 h 6858000"/>
              <a:gd name="connsiteX4" fmla="*/ 8117065 w 8117065"/>
              <a:gd name="connsiteY4" fmla="*/ 0 h 6858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117065" h="6858000">
                <a:moveTo>
                  <a:pt x="8117065" y="0"/>
                </a:moveTo>
                <a:lnTo>
                  <a:pt x="21166" y="0"/>
                </a:lnTo>
                <a:cubicBezTo>
                  <a:pt x="14111" y="2286000"/>
                  <a:pt x="7055" y="4572000"/>
                  <a:pt x="0" y="6858000"/>
                </a:cubicBezTo>
                <a:lnTo>
                  <a:pt x="4190818" y="6858000"/>
                </a:lnTo>
                <a:lnTo>
                  <a:pt x="8117065" y="0"/>
                </a:lnTo>
                <a:close/>
              </a:path>
            </a:pathLst>
          </a:cu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sz="1799"/>
          </a:p>
        </p:txBody>
      </p:sp>
      <p:sp>
        <p:nvSpPr>
          <p:cNvPr id="7" name="Slide number">
            <a:extLst>
              <a:ext uri="{FF2B5EF4-FFF2-40B4-BE49-F238E27FC236}">
                <a16:creationId xmlns:a16="http://schemas.microsoft.com/office/drawing/2014/main" id="{327C29F1-451C-479F-8BF1-94760EAFA600}"/>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1979672808"/>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userDrawn="1">
  <p:cSld name="1_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3092629769"/>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userDrawn="1">
  <p:cSld name="3_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4" name="Slide number">
            <a:extLst>
              <a:ext uri="{FF2B5EF4-FFF2-40B4-BE49-F238E27FC236}">
                <a16:creationId xmlns:a16="http://schemas.microsoft.com/office/drawing/2014/main" id="{B958982F-F36B-4A67-9CBF-9D8B7B4D7F53}"/>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3068020194"/>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userDrawn="1">
  <p:cSld name="4_About us 1">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603B2E82-E28F-4EE4-91AE-B1498573265B}"/>
              </a:ext>
            </a:extLst>
          </p:cNvPr>
          <p:cNvSpPr>
            <a:spLocks noGrp="1"/>
          </p:cNvSpPr>
          <p:nvPr>
            <p:ph type="pic" sz="quarter" idx="11"/>
          </p:nvPr>
        </p:nvSpPr>
        <p:spPr>
          <a:xfrm>
            <a:off x="5535758" y="0"/>
            <a:ext cx="6653067" cy="6858000"/>
          </a:xfrm>
          <a:custGeom>
            <a:avLst/>
            <a:gdLst>
              <a:gd name="connsiteX0" fmla="*/ 0 w 6654800"/>
              <a:gd name="connsiteY0" fmla="*/ 0 h 6858000"/>
              <a:gd name="connsiteX1" fmla="*/ 6654800 w 6654800"/>
              <a:gd name="connsiteY1" fmla="*/ 0 h 6858000"/>
              <a:gd name="connsiteX2" fmla="*/ 6654800 w 6654800"/>
              <a:gd name="connsiteY2" fmla="*/ 6858000 h 6858000"/>
              <a:gd name="connsiteX3" fmla="*/ 4449384 w 6654800"/>
              <a:gd name="connsiteY3" fmla="*/ 4281891 h 6858000"/>
              <a:gd name="connsiteX4" fmla="*/ 1000671 w 6654800"/>
              <a:gd name="connsiteY4" fmla="*/ 1531433 h 6858000"/>
              <a:gd name="connsiteX5" fmla="*/ 0 w 6654800"/>
              <a:gd name="connsiteY5" fmla="*/ 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654800" h="6858000">
                <a:moveTo>
                  <a:pt x="0" y="0"/>
                </a:moveTo>
                <a:lnTo>
                  <a:pt x="6654800" y="0"/>
                </a:lnTo>
                <a:lnTo>
                  <a:pt x="6654800" y="6858000"/>
                </a:lnTo>
                <a:cubicBezTo>
                  <a:pt x="5776069" y="6049586"/>
                  <a:pt x="5049452" y="4817395"/>
                  <a:pt x="4449384" y="4281891"/>
                </a:cubicBezTo>
                <a:cubicBezTo>
                  <a:pt x="3302047" y="3258920"/>
                  <a:pt x="1996313" y="4190091"/>
                  <a:pt x="1000671" y="1531433"/>
                </a:cubicBezTo>
                <a:cubicBezTo>
                  <a:pt x="770198" y="916227"/>
                  <a:pt x="412756" y="412035"/>
                  <a:pt x="0" y="0"/>
                </a:cubicBezTo>
                <a:close/>
              </a:path>
            </a:pathLst>
          </a:custGeom>
          <a:pattFill prst="pct5">
            <a:fgClr>
              <a:schemeClr val="accent1"/>
            </a:fgClr>
            <a:bgClr>
              <a:schemeClr val="bg1"/>
            </a:bgClr>
          </a:pattFill>
        </p:spPr>
        <p:txBody>
          <a:bodyPr wrap="square">
            <a:noAutofit/>
          </a:bodyPr>
          <a:lstStyle>
            <a:lvl1pPr>
              <a:defRPr sz="1200"/>
            </a:lvl1pPr>
          </a:lstStyle>
          <a:p>
            <a:endParaRPr lang="en-US"/>
          </a:p>
        </p:txBody>
      </p:sp>
      <p:sp>
        <p:nvSpPr>
          <p:cNvPr id="3" name="Slide number">
            <a:extLst>
              <a:ext uri="{FF2B5EF4-FFF2-40B4-BE49-F238E27FC236}">
                <a16:creationId xmlns:a16="http://schemas.microsoft.com/office/drawing/2014/main" id="{094B06F5-8519-4027-8F07-BDDB0D97FE4C}"/>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143020846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userDrawn="1">
  <p:cSld name="29_Custom Layout">
    <p:spTree>
      <p:nvGrpSpPr>
        <p:cNvPr id="1" name=""/>
        <p:cNvGrpSpPr/>
        <p:nvPr/>
      </p:nvGrpSpPr>
      <p:grpSpPr>
        <a:xfrm>
          <a:off x="0" y="0"/>
          <a:ext cx="0" cy="0"/>
          <a:chOff x="0" y="0"/>
          <a:chExt cx="0" cy="0"/>
        </a:xfrm>
      </p:grpSpPr>
      <p:sp>
        <p:nvSpPr>
          <p:cNvPr id="16" name="Picture Placeholder 15"/>
          <p:cNvSpPr>
            <a:spLocks noGrp="1"/>
          </p:cNvSpPr>
          <p:nvPr>
            <p:ph type="pic" sz="quarter" idx="12"/>
          </p:nvPr>
        </p:nvSpPr>
        <p:spPr>
          <a:xfrm rot="20700000">
            <a:off x="780558" y="2014060"/>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7" name="Picture Placeholder 16"/>
          <p:cNvSpPr>
            <a:spLocks noGrp="1"/>
          </p:cNvSpPr>
          <p:nvPr>
            <p:ph type="pic" sz="quarter" idx="13"/>
          </p:nvPr>
        </p:nvSpPr>
        <p:spPr>
          <a:xfrm rot="900000">
            <a:off x="3524031" y="444258"/>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0 w 2093067"/>
              <a:gd name="connsiteY3" fmla="*/ 2093067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0" y="2093067"/>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8" name="Picture Placeholder 17"/>
          <p:cNvSpPr>
            <a:spLocks noGrp="1"/>
          </p:cNvSpPr>
          <p:nvPr>
            <p:ph type="pic" sz="quarter" idx="14"/>
          </p:nvPr>
        </p:nvSpPr>
        <p:spPr>
          <a:xfrm rot="20700000">
            <a:off x="6267501" y="1508834"/>
            <a:ext cx="2092522" cy="2093067"/>
          </a:xfrm>
          <a:custGeom>
            <a:avLst/>
            <a:gdLst>
              <a:gd name="connsiteX0" fmla="*/ 2093067 w 2093067"/>
              <a:gd name="connsiteY0" fmla="*/ 0 h 2093067"/>
              <a:gd name="connsiteX1" fmla="*/ 2093067 w 2093067"/>
              <a:gd name="connsiteY1" fmla="*/ 2093067 h 2093067"/>
              <a:gd name="connsiteX2" fmla="*/ 0 w 2093067"/>
              <a:gd name="connsiteY2" fmla="*/ 2093067 h 2093067"/>
              <a:gd name="connsiteX3" fmla="*/ 0 w 2093067"/>
              <a:gd name="connsiteY3" fmla="*/ 0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2093067" y="0"/>
                </a:moveTo>
                <a:lnTo>
                  <a:pt x="2093067" y="2093067"/>
                </a:lnTo>
                <a:lnTo>
                  <a:pt x="0" y="2093067"/>
                </a:lnTo>
                <a:lnTo>
                  <a:pt x="0" y="0"/>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19" name="Picture Placeholder 18"/>
          <p:cNvSpPr>
            <a:spLocks noGrp="1"/>
          </p:cNvSpPr>
          <p:nvPr>
            <p:ph type="pic" sz="quarter" idx="15"/>
          </p:nvPr>
        </p:nvSpPr>
        <p:spPr>
          <a:xfrm rot="1800000">
            <a:off x="9209205" y="732323"/>
            <a:ext cx="2092522" cy="2093067"/>
          </a:xfrm>
          <a:custGeom>
            <a:avLst/>
            <a:gdLst>
              <a:gd name="connsiteX0" fmla="*/ 0 w 2093067"/>
              <a:gd name="connsiteY0" fmla="*/ 0 h 2093067"/>
              <a:gd name="connsiteX1" fmla="*/ 2093067 w 2093067"/>
              <a:gd name="connsiteY1" fmla="*/ 0 h 2093067"/>
              <a:gd name="connsiteX2" fmla="*/ 2093067 w 2093067"/>
              <a:gd name="connsiteY2" fmla="*/ 2093067 h 2093067"/>
              <a:gd name="connsiteX3" fmla="*/ 1 w 2093067"/>
              <a:gd name="connsiteY3" fmla="*/ 2093066 h 2093067"/>
            </a:gdLst>
            <a:ahLst/>
            <a:cxnLst>
              <a:cxn ang="0">
                <a:pos x="connsiteX0" y="connsiteY0"/>
              </a:cxn>
              <a:cxn ang="0">
                <a:pos x="connsiteX1" y="connsiteY1"/>
              </a:cxn>
              <a:cxn ang="0">
                <a:pos x="connsiteX2" y="connsiteY2"/>
              </a:cxn>
              <a:cxn ang="0">
                <a:pos x="connsiteX3" y="connsiteY3"/>
              </a:cxn>
            </a:cxnLst>
            <a:rect l="l" t="t" r="r" b="b"/>
            <a:pathLst>
              <a:path w="2093067" h="2093067">
                <a:moveTo>
                  <a:pt x="0" y="0"/>
                </a:moveTo>
                <a:lnTo>
                  <a:pt x="2093067" y="0"/>
                </a:lnTo>
                <a:lnTo>
                  <a:pt x="2093067" y="2093067"/>
                </a:lnTo>
                <a:lnTo>
                  <a:pt x="1" y="2093066"/>
                </a:lnTo>
                <a:close/>
              </a:path>
            </a:pathLst>
          </a:custGeom>
          <a:pattFill prst="solidDmnd">
            <a:fgClr>
              <a:schemeClr val="accent1">
                <a:lumMod val="20000"/>
                <a:lumOff val="80000"/>
              </a:schemeClr>
            </a:fgClr>
            <a:bgClr>
              <a:schemeClr val="bg1"/>
            </a:bgClr>
          </a:pattFill>
        </p:spPr>
        <p:txBody>
          <a:bodyPr wrap="square" anchor="ctr">
            <a:noAutofit/>
          </a:bodyPr>
          <a:lstStyle>
            <a:lvl1pPr algn="ctr">
              <a:defRPr sz="1100"/>
            </a:lvl1pPr>
          </a:lstStyle>
          <a:p>
            <a:endParaRPr lang="en-US"/>
          </a:p>
        </p:txBody>
      </p:sp>
      <p:sp>
        <p:nvSpPr>
          <p:cNvPr id="6" name="Slide number">
            <a:extLst>
              <a:ext uri="{FF2B5EF4-FFF2-40B4-BE49-F238E27FC236}">
                <a16:creationId xmlns:a16="http://schemas.microsoft.com/office/drawing/2014/main" id="{034E18D0-E128-4DE5-ABBC-CE34BFF11456}"/>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fld id="{0BDC132A-5C91-4078-9777-31DA19A62E0A}" type="slidenum">
              <a:rPr kumimoji="0" lang="en-US" sz="900" b="0" i="0" u="none" strike="noStrike" kern="0" cap="none" spc="0" normalizeH="0" baseline="0" noProof="0" smtClean="0">
                <a:ln>
                  <a:noFill/>
                </a:ln>
                <a:solidFill>
                  <a:srgbClr val="BBAC99"/>
                </a:solidFill>
                <a:effectLst/>
                <a:uLnTx/>
                <a:uFillTx/>
              </a:rPr>
              <a:pPr marL="0" marR="0" lvl="0" indent="0" algn="r" defTabSz="914400" eaLnBrk="1" fontAlgn="auto" latinLnBrk="0" hangingPunct="1">
                <a:lnSpc>
                  <a:spcPct val="100000"/>
                </a:lnSpc>
                <a:spcBef>
                  <a:spcPts val="0"/>
                </a:spcBef>
                <a:spcAft>
                  <a:spcPts val="0"/>
                </a:spcAft>
                <a:buClr>
                  <a:srgbClr val="BBAC99"/>
                </a:buClr>
                <a:buSzTx/>
                <a:buFont typeface="Arial" pitchFamily="34" charset="0"/>
                <a:buNone/>
                <a:tabLst/>
                <a:defRPr/>
              </a:pPr>
              <a:t>‹N›</a:t>
            </a:fld>
            <a:endParaRPr kumimoji="0" lang="en-US" sz="900" b="0" i="0" u="none" strike="noStrike" kern="0" cap="none" spc="0" normalizeH="0" baseline="0" noProof="0">
              <a:ln>
                <a:noFill/>
              </a:ln>
              <a:solidFill>
                <a:srgbClr val="BBAC99"/>
              </a:solidFill>
              <a:effectLst/>
              <a:uLnTx/>
              <a:uFillTx/>
            </a:endParaRPr>
          </a:p>
        </p:txBody>
      </p:sp>
    </p:spTree>
    <p:extLst>
      <p:ext uri="{BB962C8B-B14F-4D97-AF65-F5344CB8AC3E}">
        <p14:creationId xmlns:p14="http://schemas.microsoft.com/office/powerpoint/2010/main" val="18714808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uto con didascalia">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11B0D3C7-9187-559F-AD88-989DBAB79A64}"/>
              </a:ext>
            </a:extLst>
          </p:cNvPr>
          <p:cNvSpPr>
            <a:spLocks noGrp="1"/>
          </p:cNvSpPr>
          <p:nvPr>
            <p:ph type="title"/>
          </p:nvPr>
        </p:nvSpPr>
        <p:spPr>
          <a:xfrm>
            <a:off x="839570" y="457200"/>
            <a:ext cx="3931213" cy="1600200"/>
          </a:xfrm>
        </p:spPr>
        <p:txBody>
          <a:bodyPr anchor="b"/>
          <a:lstStyle>
            <a:lvl1pPr>
              <a:defRPr sz="3199"/>
            </a:lvl1pPr>
          </a:lstStyle>
          <a:p>
            <a:r>
              <a:rPr lang="it-IT"/>
              <a:t>Fare clic per modificare lo stile del titolo dello schema</a:t>
            </a:r>
          </a:p>
        </p:txBody>
      </p:sp>
      <p:sp>
        <p:nvSpPr>
          <p:cNvPr id="3" name="Segnaposto contenuto 2">
            <a:extLst>
              <a:ext uri="{FF2B5EF4-FFF2-40B4-BE49-F238E27FC236}">
                <a16:creationId xmlns:a16="http://schemas.microsoft.com/office/drawing/2014/main" id="{E0E0FACE-474D-3AB5-99A1-3468097AFA41}"/>
              </a:ext>
            </a:extLst>
          </p:cNvPr>
          <p:cNvSpPr>
            <a:spLocks noGrp="1"/>
          </p:cNvSpPr>
          <p:nvPr>
            <p:ph idx="1"/>
          </p:nvPr>
        </p:nvSpPr>
        <p:spPr>
          <a:xfrm>
            <a:off x="5181838" y="987426"/>
            <a:ext cx="6170593" cy="4873625"/>
          </a:xfrm>
        </p:spPr>
        <p:txBody>
          <a:bodyPr/>
          <a:lstStyle>
            <a:lvl1pPr>
              <a:defRPr sz="3199"/>
            </a:lvl1pPr>
            <a:lvl2pPr>
              <a:defRPr sz="2799"/>
            </a:lvl2pPr>
            <a:lvl3pPr>
              <a:defRPr sz="2399"/>
            </a:lvl3pPr>
            <a:lvl4pPr>
              <a:defRPr sz="1999"/>
            </a:lvl4pPr>
            <a:lvl5pPr>
              <a:defRPr sz="1999"/>
            </a:lvl5pPr>
            <a:lvl6pPr>
              <a:defRPr sz="1999"/>
            </a:lvl6pPr>
            <a:lvl7pPr>
              <a:defRPr sz="1999"/>
            </a:lvl7pPr>
            <a:lvl8pPr>
              <a:defRPr sz="1999"/>
            </a:lvl8pPr>
            <a:lvl9pPr>
              <a:defRPr sz="1999"/>
            </a:lvl9p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testo 3">
            <a:extLst>
              <a:ext uri="{FF2B5EF4-FFF2-40B4-BE49-F238E27FC236}">
                <a16:creationId xmlns:a16="http://schemas.microsoft.com/office/drawing/2014/main" id="{D2959370-4797-F1C0-0406-1E1E6C1A052E}"/>
              </a:ext>
            </a:extLst>
          </p:cNvPr>
          <p:cNvSpPr>
            <a:spLocks noGrp="1"/>
          </p:cNvSpPr>
          <p:nvPr>
            <p:ph type="body" sz="half" idx="2"/>
          </p:nvPr>
        </p:nvSpPr>
        <p:spPr>
          <a:xfrm>
            <a:off x="839570" y="2057400"/>
            <a:ext cx="3931213" cy="3811588"/>
          </a:xfrm>
        </p:spPr>
        <p:txBody>
          <a:bodyPr/>
          <a:lstStyle>
            <a:lvl1pPr marL="0" indent="0">
              <a:buNone/>
              <a:defRPr sz="1600"/>
            </a:lvl1pPr>
            <a:lvl2pPr marL="457063" indent="0">
              <a:buNone/>
              <a:defRPr sz="1400"/>
            </a:lvl2pPr>
            <a:lvl3pPr marL="914126" indent="0">
              <a:buNone/>
              <a:defRPr sz="1200"/>
            </a:lvl3pPr>
            <a:lvl4pPr marL="1371189" indent="0">
              <a:buNone/>
              <a:defRPr sz="1000"/>
            </a:lvl4pPr>
            <a:lvl5pPr marL="1828251" indent="0">
              <a:buNone/>
              <a:defRPr sz="1000"/>
            </a:lvl5pPr>
            <a:lvl6pPr marL="2285314" indent="0">
              <a:buNone/>
              <a:defRPr sz="1000"/>
            </a:lvl6pPr>
            <a:lvl7pPr marL="2742377" indent="0">
              <a:buNone/>
              <a:defRPr sz="1000"/>
            </a:lvl7pPr>
            <a:lvl8pPr marL="3199440" indent="0">
              <a:buNone/>
              <a:defRPr sz="1000"/>
            </a:lvl8pPr>
            <a:lvl9pPr marL="3656503" indent="0">
              <a:buNone/>
              <a:defRPr sz="1000"/>
            </a:lvl9pPr>
          </a:lstStyle>
          <a:p>
            <a:pPr lvl="0"/>
            <a:r>
              <a:rPr lang="it-IT"/>
              <a:t>Fare clic per modificare gli stili del testo dello schema</a:t>
            </a:r>
          </a:p>
        </p:txBody>
      </p:sp>
      <p:sp>
        <p:nvSpPr>
          <p:cNvPr id="5" name="Segnaposto data 4">
            <a:extLst>
              <a:ext uri="{FF2B5EF4-FFF2-40B4-BE49-F238E27FC236}">
                <a16:creationId xmlns:a16="http://schemas.microsoft.com/office/drawing/2014/main" id="{3EB5D1EF-783B-7477-BD08-9FB767E64D1E}"/>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F9437040-BACA-916C-E925-8391962A2B97}"/>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5232139D-94A4-029E-4069-E5E896D371FB}"/>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6610717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Immagine con didascalia">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E1121635-FF78-F762-9D80-092B5D998D76}"/>
              </a:ext>
            </a:extLst>
          </p:cNvPr>
          <p:cNvSpPr>
            <a:spLocks noGrp="1"/>
          </p:cNvSpPr>
          <p:nvPr>
            <p:ph type="title"/>
          </p:nvPr>
        </p:nvSpPr>
        <p:spPr>
          <a:xfrm>
            <a:off x="839570" y="457200"/>
            <a:ext cx="3931213" cy="1600200"/>
          </a:xfrm>
        </p:spPr>
        <p:txBody>
          <a:bodyPr anchor="b"/>
          <a:lstStyle>
            <a:lvl1pPr>
              <a:defRPr sz="3199"/>
            </a:lvl1pPr>
          </a:lstStyle>
          <a:p>
            <a:r>
              <a:rPr lang="it-IT"/>
              <a:t>Fare clic per modificare lo stile del titolo dello schema</a:t>
            </a:r>
          </a:p>
        </p:txBody>
      </p:sp>
      <p:sp>
        <p:nvSpPr>
          <p:cNvPr id="3" name="Segnaposto immagine 2">
            <a:extLst>
              <a:ext uri="{FF2B5EF4-FFF2-40B4-BE49-F238E27FC236}">
                <a16:creationId xmlns:a16="http://schemas.microsoft.com/office/drawing/2014/main" id="{C5F75F67-DE9E-729C-9A7C-D8B77B3098E6}"/>
              </a:ext>
            </a:extLst>
          </p:cNvPr>
          <p:cNvSpPr>
            <a:spLocks noGrp="1"/>
          </p:cNvSpPr>
          <p:nvPr>
            <p:ph type="pic" idx="1"/>
          </p:nvPr>
        </p:nvSpPr>
        <p:spPr>
          <a:xfrm>
            <a:off x="5181838" y="987426"/>
            <a:ext cx="6170593" cy="4873625"/>
          </a:xfrm>
        </p:spPr>
        <p:txBody>
          <a:bodyPr/>
          <a:lstStyle>
            <a:lvl1pPr marL="0" indent="0">
              <a:buNone/>
              <a:defRPr sz="3199"/>
            </a:lvl1pPr>
            <a:lvl2pPr marL="457063" indent="0">
              <a:buNone/>
              <a:defRPr sz="2799"/>
            </a:lvl2pPr>
            <a:lvl3pPr marL="914126" indent="0">
              <a:buNone/>
              <a:defRPr sz="2399"/>
            </a:lvl3pPr>
            <a:lvl4pPr marL="1371189" indent="0">
              <a:buNone/>
              <a:defRPr sz="1999"/>
            </a:lvl4pPr>
            <a:lvl5pPr marL="1828251" indent="0">
              <a:buNone/>
              <a:defRPr sz="1999"/>
            </a:lvl5pPr>
            <a:lvl6pPr marL="2285314" indent="0">
              <a:buNone/>
              <a:defRPr sz="1999"/>
            </a:lvl6pPr>
            <a:lvl7pPr marL="2742377" indent="0">
              <a:buNone/>
              <a:defRPr sz="1999"/>
            </a:lvl7pPr>
            <a:lvl8pPr marL="3199440" indent="0">
              <a:buNone/>
              <a:defRPr sz="1999"/>
            </a:lvl8pPr>
            <a:lvl9pPr marL="3656503" indent="0">
              <a:buNone/>
              <a:defRPr sz="1999"/>
            </a:lvl9pPr>
          </a:lstStyle>
          <a:p>
            <a:endParaRPr lang="it-IT"/>
          </a:p>
        </p:txBody>
      </p:sp>
      <p:sp>
        <p:nvSpPr>
          <p:cNvPr id="4" name="Segnaposto testo 3">
            <a:extLst>
              <a:ext uri="{FF2B5EF4-FFF2-40B4-BE49-F238E27FC236}">
                <a16:creationId xmlns:a16="http://schemas.microsoft.com/office/drawing/2014/main" id="{C59CB61D-3AD7-C63F-0CCF-B83F0C70A739}"/>
              </a:ext>
            </a:extLst>
          </p:cNvPr>
          <p:cNvSpPr>
            <a:spLocks noGrp="1"/>
          </p:cNvSpPr>
          <p:nvPr>
            <p:ph type="body" sz="half" idx="2"/>
          </p:nvPr>
        </p:nvSpPr>
        <p:spPr>
          <a:xfrm>
            <a:off x="839570" y="2057400"/>
            <a:ext cx="3931213" cy="3811588"/>
          </a:xfrm>
        </p:spPr>
        <p:txBody>
          <a:bodyPr/>
          <a:lstStyle>
            <a:lvl1pPr marL="0" indent="0">
              <a:buNone/>
              <a:defRPr sz="1600"/>
            </a:lvl1pPr>
            <a:lvl2pPr marL="457063" indent="0">
              <a:buNone/>
              <a:defRPr sz="1400"/>
            </a:lvl2pPr>
            <a:lvl3pPr marL="914126" indent="0">
              <a:buNone/>
              <a:defRPr sz="1200"/>
            </a:lvl3pPr>
            <a:lvl4pPr marL="1371189" indent="0">
              <a:buNone/>
              <a:defRPr sz="1000"/>
            </a:lvl4pPr>
            <a:lvl5pPr marL="1828251" indent="0">
              <a:buNone/>
              <a:defRPr sz="1000"/>
            </a:lvl5pPr>
            <a:lvl6pPr marL="2285314" indent="0">
              <a:buNone/>
              <a:defRPr sz="1000"/>
            </a:lvl6pPr>
            <a:lvl7pPr marL="2742377" indent="0">
              <a:buNone/>
              <a:defRPr sz="1000"/>
            </a:lvl7pPr>
            <a:lvl8pPr marL="3199440" indent="0">
              <a:buNone/>
              <a:defRPr sz="1000"/>
            </a:lvl8pPr>
            <a:lvl9pPr marL="3656503" indent="0">
              <a:buNone/>
              <a:defRPr sz="1000"/>
            </a:lvl9pPr>
          </a:lstStyle>
          <a:p>
            <a:pPr lvl="0"/>
            <a:r>
              <a:rPr lang="it-IT"/>
              <a:t>Fare clic per modificare gli stili del testo dello schema</a:t>
            </a:r>
          </a:p>
        </p:txBody>
      </p:sp>
      <p:sp>
        <p:nvSpPr>
          <p:cNvPr id="5" name="Segnaposto data 4">
            <a:extLst>
              <a:ext uri="{FF2B5EF4-FFF2-40B4-BE49-F238E27FC236}">
                <a16:creationId xmlns:a16="http://schemas.microsoft.com/office/drawing/2014/main" id="{4CE2AFE5-7435-8862-D22C-2EE1BAED4620}"/>
              </a:ext>
            </a:extLst>
          </p:cNvPr>
          <p:cNvSpPr>
            <a:spLocks noGrp="1"/>
          </p:cNvSpPr>
          <p:nvPr>
            <p:ph type="dt" sz="half" idx="10"/>
          </p:nvPr>
        </p:nvSpPr>
        <p:spPr/>
        <p:txBody>
          <a:bodyPr/>
          <a:lstStyle/>
          <a:p>
            <a:endParaRPr lang="fr-FR"/>
          </a:p>
        </p:txBody>
      </p:sp>
      <p:sp>
        <p:nvSpPr>
          <p:cNvPr id="6" name="Segnaposto piè di pagina 5">
            <a:extLst>
              <a:ext uri="{FF2B5EF4-FFF2-40B4-BE49-F238E27FC236}">
                <a16:creationId xmlns:a16="http://schemas.microsoft.com/office/drawing/2014/main" id="{B94D1078-92AC-790E-B8CA-0E6A51541AF4}"/>
              </a:ext>
            </a:extLst>
          </p:cNvPr>
          <p:cNvSpPr>
            <a:spLocks noGrp="1"/>
          </p:cNvSpPr>
          <p:nvPr>
            <p:ph type="ftr" sz="quarter" idx="11"/>
          </p:nvPr>
        </p:nvSpPr>
        <p:spPr/>
        <p:txBody>
          <a:bodyPr/>
          <a:lstStyle/>
          <a:p>
            <a:endParaRPr lang="fr-FR"/>
          </a:p>
        </p:txBody>
      </p:sp>
      <p:sp>
        <p:nvSpPr>
          <p:cNvPr id="7" name="Segnaposto numero diapositiva 6">
            <a:extLst>
              <a:ext uri="{FF2B5EF4-FFF2-40B4-BE49-F238E27FC236}">
                <a16:creationId xmlns:a16="http://schemas.microsoft.com/office/drawing/2014/main" id="{786D6FD2-F1E4-4EED-5D7E-C6DA9DCDADE3}"/>
              </a:ext>
            </a:extLst>
          </p:cNvPr>
          <p:cNvSpPr>
            <a:spLocks noGrp="1"/>
          </p:cNvSpPr>
          <p:nvPr>
            <p:ph type="sldNum" sz="quarter" idx="12"/>
          </p:nvPr>
        </p:nvSpPr>
        <p:spPr/>
        <p:txBody>
          <a:bodyPr/>
          <a:lstStyle/>
          <a:p>
            <a:fld id="{45C3C7EA-3F17-4DB1-801A-D87DBAB38924}" type="slidenum">
              <a:rPr lang="it-IT" smtClean="0"/>
              <a:t>‹N›</a:t>
            </a:fld>
            <a:endParaRPr lang="it-IT"/>
          </a:p>
        </p:txBody>
      </p:sp>
    </p:spTree>
    <p:extLst>
      <p:ext uri="{BB962C8B-B14F-4D97-AF65-F5344CB8AC3E}">
        <p14:creationId xmlns:p14="http://schemas.microsoft.com/office/powerpoint/2010/main" val="3729866005"/>
      </p:ext>
    </p:extLst>
  </p:cSld>
  <p:clrMapOvr>
    <a:masterClrMapping/>
  </p:clrMapOvr>
</p:sldLayout>
</file>

<file path=ppt/slideMasters/_rels/slideMaster1.xml.rels><?xml version="1.0" encoding="UTF-8" standalone="yes"?>
<Relationships xmlns="http://schemas.openxmlformats.org/package/2006/relationships"><Relationship Id="rId26" Type="http://schemas.openxmlformats.org/officeDocument/2006/relationships/slideLayout" Target="../slideLayouts/slideLayout26.xml"/><Relationship Id="rId21" Type="http://schemas.openxmlformats.org/officeDocument/2006/relationships/slideLayout" Target="../slideLayouts/slideLayout21.xml"/><Relationship Id="rId42" Type="http://schemas.openxmlformats.org/officeDocument/2006/relationships/slideLayout" Target="../slideLayouts/slideLayout42.xml"/><Relationship Id="rId47" Type="http://schemas.openxmlformats.org/officeDocument/2006/relationships/slideLayout" Target="../slideLayouts/slideLayout47.xml"/><Relationship Id="rId63" Type="http://schemas.openxmlformats.org/officeDocument/2006/relationships/slideLayout" Target="../slideLayouts/slideLayout63.xml"/><Relationship Id="rId68" Type="http://schemas.openxmlformats.org/officeDocument/2006/relationships/slideLayout" Target="../slideLayouts/slideLayout68.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9" Type="http://schemas.openxmlformats.org/officeDocument/2006/relationships/slideLayout" Target="../slideLayouts/slideLayout29.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37" Type="http://schemas.openxmlformats.org/officeDocument/2006/relationships/slideLayout" Target="../slideLayouts/slideLayout37.xml"/><Relationship Id="rId40" Type="http://schemas.openxmlformats.org/officeDocument/2006/relationships/slideLayout" Target="../slideLayouts/slideLayout40.xml"/><Relationship Id="rId45" Type="http://schemas.openxmlformats.org/officeDocument/2006/relationships/slideLayout" Target="../slideLayouts/slideLayout45.xml"/><Relationship Id="rId53" Type="http://schemas.openxmlformats.org/officeDocument/2006/relationships/slideLayout" Target="../slideLayouts/slideLayout53.xml"/><Relationship Id="rId58" Type="http://schemas.openxmlformats.org/officeDocument/2006/relationships/slideLayout" Target="../slideLayouts/slideLayout58.xml"/><Relationship Id="rId66" Type="http://schemas.openxmlformats.org/officeDocument/2006/relationships/slideLayout" Target="../slideLayouts/slideLayout66.xml"/><Relationship Id="rId74" Type="http://schemas.openxmlformats.org/officeDocument/2006/relationships/slideLayout" Target="../slideLayouts/slideLayout74.xml"/><Relationship Id="rId5" Type="http://schemas.openxmlformats.org/officeDocument/2006/relationships/slideLayout" Target="../slideLayouts/slideLayout5.xml"/><Relationship Id="rId61" Type="http://schemas.openxmlformats.org/officeDocument/2006/relationships/slideLayout" Target="../slideLayouts/slideLayout61.xml"/><Relationship Id="rId19" Type="http://schemas.openxmlformats.org/officeDocument/2006/relationships/slideLayout" Target="../slideLayouts/slideLayout1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 Id="rId43" Type="http://schemas.openxmlformats.org/officeDocument/2006/relationships/slideLayout" Target="../slideLayouts/slideLayout43.xml"/><Relationship Id="rId48" Type="http://schemas.openxmlformats.org/officeDocument/2006/relationships/slideLayout" Target="../slideLayouts/slideLayout48.xml"/><Relationship Id="rId56" Type="http://schemas.openxmlformats.org/officeDocument/2006/relationships/slideLayout" Target="../slideLayouts/slideLayout56.xml"/><Relationship Id="rId64" Type="http://schemas.openxmlformats.org/officeDocument/2006/relationships/slideLayout" Target="../slideLayouts/slideLayout64.xml"/><Relationship Id="rId69" Type="http://schemas.openxmlformats.org/officeDocument/2006/relationships/slideLayout" Target="../slideLayouts/slideLayout69.xml"/><Relationship Id="rId8" Type="http://schemas.openxmlformats.org/officeDocument/2006/relationships/slideLayout" Target="../slideLayouts/slideLayout8.xml"/><Relationship Id="rId51" Type="http://schemas.openxmlformats.org/officeDocument/2006/relationships/slideLayout" Target="../slideLayouts/slideLayout51.xml"/><Relationship Id="rId72" Type="http://schemas.openxmlformats.org/officeDocument/2006/relationships/slideLayout" Target="../slideLayouts/slideLayout72.xml"/><Relationship Id="rId3" Type="http://schemas.openxmlformats.org/officeDocument/2006/relationships/slideLayout" Target="../slideLayouts/slideLayout3.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38" Type="http://schemas.openxmlformats.org/officeDocument/2006/relationships/slideLayout" Target="../slideLayouts/slideLayout38.xml"/><Relationship Id="rId46" Type="http://schemas.openxmlformats.org/officeDocument/2006/relationships/slideLayout" Target="../slideLayouts/slideLayout46.xml"/><Relationship Id="rId59" Type="http://schemas.openxmlformats.org/officeDocument/2006/relationships/slideLayout" Target="../slideLayouts/slideLayout59.xml"/><Relationship Id="rId67" Type="http://schemas.openxmlformats.org/officeDocument/2006/relationships/slideLayout" Target="../slideLayouts/slideLayout67.xml"/><Relationship Id="rId20" Type="http://schemas.openxmlformats.org/officeDocument/2006/relationships/slideLayout" Target="../slideLayouts/slideLayout20.xml"/><Relationship Id="rId41" Type="http://schemas.openxmlformats.org/officeDocument/2006/relationships/slideLayout" Target="../slideLayouts/slideLayout41.xml"/><Relationship Id="rId54" Type="http://schemas.openxmlformats.org/officeDocument/2006/relationships/slideLayout" Target="../slideLayouts/slideLayout54.xml"/><Relationship Id="rId62" Type="http://schemas.openxmlformats.org/officeDocument/2006/relationships/slideLayout" Target="../slideLayouts/slideLayout62.xml"/><Relationship Id="rId70" Type="http://schemas.openxmlformats.org/officeDocument/2006/relationships/slideLayout" Target="../slideLayouts/slideLayout70.xml"/><Relationship Id="rId75"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slideLayout" Target="../slideLayouts/slideLayout36.xml"/><Relationship Id="rId49" Type="http://schemas.openxmlformats.org/officeDocument/2006/relationships/slideLayout" Target="../slideLayouts/slideLayout49.xml"/><Relationship Id="rId57" Type="http://schemas.openxmlformats.org/officeDocument/2006/relationships/slideLayout" Target="../slideLayouts/slideLayout57.xml"/><Relationship Id="rId10" Type="http://schemas.openxmlformats.org/officeDocument/2006/relationships/slideLayout" Target="../slideLayouts/slideLayout10.xml"/><Relationship Id="rId31" Type="http://schemas.openxmlformats.org/officeDocument/2006/relationships/slideLayout" Target="../slideLayouts/slideLayout31.xml"/><Relationship Id="rId44" Type="http://schemas.openxmlformats.org/officeDocument/2006/relationships/slideLayout" Target="../slideLayouts/slideLayout44.xml"/><Relationship Id="rId52" Type="http://schemas.openxmlformats.org/officeDocument/2006/relationships/slideLayout" Target="../slideLayouts/slideLayout52.xml"/><Relationship Id="rId60" Type="http://schemas.openxmlformats.org/officeDocument/2006/relationships/slideLayout" Target="../slideLayouts/slideLayout60.xml"/><Relationship Id="rId65" Type="http://schemas.openxmlformats.org/officeDocument/2006/relationships/slideLayout" Target="../slideLayouts/slideLayout65.xml"/><Relationship Id="rId73" Type="http://schemas.openxmlformats.org/officeDocument/2006/relationships/slideLayout" Target="../slideLayouts/slideLayout73.xml"/><Relationship Id="rId4" Type="http://schemas.openxmlformats.org/officeDocument/2006/relationships/slideLayout" Target="../slideLayouts/slideLayout4.xml"/><Relationship Id="rId9" Type="http://schemas.openxmlformats.org/officeDocument/2006/relationships/slideLayout" Target="../slideLayouts/slideLayout9.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9" Type="http://schemas.openxmlformats.org/officeDocument/2006/relationships/slideLayout" Target="../slideLayouts/slideLayout39.xml"/><Relationship Id="rId34" Type="http://schemas.openxmlformats.org/officeDocument/2006/relationships/slideLayout" Target="../slideLayouts/slideLayout34.xml"/><Relationship Id="rId50" Type="http://schemas.openxmlformats.org/officeDocument/2006/relationships/slideLayout" Target="../slideLayouts/slideLayout50.xml"/><Relationship Id="rId55" Type="http://schemas.openxmlformats.org/officeDocument/2006/relationships/slideLayout" Target="../slideLayouts/slideLayout55.xml"/><Relationship Id="rId7" Type="http://schemas.openxmlformats.org/officeDocument/2006/relationships/slideLayout" Target="../slideLayouts/slideLayout7.xml"/><Relationship Id="rId71" Type="http://schemas.openxmlformats.org/officeDocument/2006/relationships/slideLayout" Target="../slideLayouts/slideLayout7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egnaposto titolo 1">
            <a:extLst>
              <a:ext uri="{FF2B5EF4-FFF2-40B4-BE49-F238E27FC236}">
                <a16:creationId xmlns:a16="http://schemas.microsoft.com/office/drawing/2014/main" id="{642106A4-55D6-5182-558E-901BDE580B16}"/>
              </a:ext>
            </a:extLst>
          </p:cNvPr>
          <p:cNvSpPr>
            <a:spLocks noGrp="1"/>
          </p:cNvSpPr>
          <p:nvPr>
            <p:ph type="title"/>
          </p:nvPr>
        </p:nvSpPr>
        <p:spPr>
          <a:xfrm>
            <a:off x="837982" y="365126"/>
            <a:ext cx="10512862" cy="1325563"/>
          </a:xfrm>
          <a:prstGeom prst="rect">
            <a:avLst/>
          </a:prstGeom>
        </p:spPr>
        <p:txBody>
          <a:bodyPr vert="horz" lIns="91440" tIns="45720" rIns="91440" bIns="45720" rtlCol="0" anchor="ctr">
            <a:normAutofit/>
          </a:bodyPr>
          <a:lstStyle/>
          <a:p>
            <a:r>
              <a:rPr lang="it-IT"/>
              <a:t>Fare clic per modificare lo stile del titolo dello schema</a:t>
            </a:r>
          </a:p>
        </p:txBody>
      </p:sp>
      <p:sp>
        <p:nvSpPr>
          <p:cNvPr id="3" name="Segnaposto testo 2">
            <a:extLst>
              <a:ext uri="{FF2B5EF4-FFF2-40B4-BE49-F238E27FC236}">
                <a16:creationId xmlns:a16="http://schemas.microsoft.com/office/drawing/2014/main" id="{975DC9EC-BBF7-61C2-2E19-19FEF95333C1}"/>
              </a:ext>
            </a:extLst>
          </p:cNvPr>
          <p:cNvSpPr>
            <a:spLocks noGrp="1"/>
          </p:cNvSpPr>
          <p:nvPr>
            <p:ph type="body" idx="1"/>
          </p:nvPr>
        </p:nvSpPr>
        <p:spPr>
          <a:xfrm>
            <a:off x="837982" y="1825625"/>
            <a:ext cx="10512862" cy="4351338"/>
          </a:xfrm>
          <a:prstGeom prst="rect">
            <a:avLst/>
          </a:prstGeom>
        </p:spPr>
        <p:txBody>
          <a:bodyPr vert="horz" lIns="91440" tIns="45720" rIns="91440" bIns="45720" rtlCol="0">
            <a:normAutofit/>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a:extLst>
              <a:ext uri="{FF2B5EF4-FFF2-40B4-BE49-F238E27FC236}">
                <a16:creationId xmlns:a16="http://schemas.microsoft.com/office/drawing/2014/main" id="{2178C51C-6D60-C599-ABF2-EE0205DE9BCF}"/>
              </a:ext>
            </a:extLst>
          </p:cNvPr>
          <p:cNvSpPr>
            <a:spLocks noGrp="1"/>
          </p:cNvSpPr>
          <p:nvPr>
            <p:ph type="dt" sz="half" idx="2"/>
          </p:nvPr>
        </p:nvSpPr>
        <p:spPr>
          <a:xfrm>
            <a:off x="837982" y="6356351"/>
            <a:ext cx="2742486"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fr-FR"/>
          </a:p>
        </p:txBody>
      </p:sp>
      <p:sp>
        <p:nvSpPr>
          <p:cNvPr id="5" name="Segnaposto piè di pagina 4">
            <a:extLst>
              <a:ext uri="{FF2B5EF4-FFF2-40B4-BE49-F238E27FC236}">
                <a16:creationId xmlns:a16="http://schemas.microsoft.com/office/drawing/2014/main" id="{6D44C59A-AE84-D8D2-CBCE-A92B991F7F46}"/>
              </a:ext>
            </a:extLst>
          </p:cNvPr>
          <p:cNvSpPr>
            <a:spLocks noGrp="1"/>
          </p:cNvSpPr>
          <p:nvPr>
            <p:ph type="ftr" sz="quarter" idx="3"/>
          </p:nvPr>
        </p:nvSpPr>
        <p:spPr>
          <a:xfrm>
            <a:off x="4037549" y="6356351"/>
            <a:ext cx="4113728"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fr-FR"/>
          </a:p>
        </p:txBody>
      </p:sp>
      <p:sp>
        <p:nvSpPr>
          <p:cNvPr id="6" name="Segnaposto numero diapositiva 5">
            <a:extLst>
              <a:ext uri="{FF2B5EF4-FFF2-40B4-BE49-F238E27FC236}">
                <a16:creationId xmlns:a16="http://schemas.microsoft.com/office/drawing/2014/main" id="{6DE23E26-5E1A-EE09-F4B3-CEED9C9AF318}"/>
              </a:ext>
            </a:extLst>
          </p:cNvPr>
          <p:cNvSpPr>
            <a:spLocks noGrp="1"/>
          </p:cNvSpPr>
          <p:nvPr>
            <p:ph type="sldNum" sz="quarter" idx="4"/>
          </p:nvPr>
        </p:nvSpPr>
        <p:spPr>
          <a:xfrm>
            <a:off x="8608357" y="6356351"/>
            <a:ext cx="2742486"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5C3C7EA-3F17-4DB1-801A-D87DBAB38924}" type="slidenum">
              <a:rPr lang="it-IT" smtClean="0"/>
              <a:t>‹N›</a:t>
            </a:fld>
            <a:endParaRPr lang="it-IT"/>
          </a:p>
        </p:txBody>
      </p:sp>
      <p:sp>
        <p:nvSpPr>
          <p:cNvPr id="7" name="Slide number">
            <a:extLst>
              <a:ext uri="{FF2B5EF4-FFF2-40B4-BE49-F238E27FC236}">
                <a16:creationId xmlns:a16="http://schemas.microsoft.com/office/drawing/2014/main" id="{F5E5FBC7-BE6C-2439-00B6-3D442DF6D2FD}"/>
              </a:ext>
            </a:extLst>
          </p:cNvPr>
          <p:cNvSpPr txBox="1"/>
          <p:nvPr userDrawn="1"/>
        </p:nvSpPr>
        <p:spPr bwMode="black">
          <a:xfrm>
            <a:off x="11477710" y="6536752"/>
            <a:ext cx="206680"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N›</a:t>
            </a:fld>
            <a:endParaRPr lang="en-US" sz="900" noProof="0"/>
          </a:p>
        </p:txBody>
      </p:sp>
    </p:spTree>
    <p:extLst>
      <p:ext uri="{BB962C8B-B14F-4D97-AF65-F5344CB8AC3E}">
        <p14:creationId xmlns:p14="http://schemas.microsoft.com/office/powerpoint/2010/main" val="2854640534"/>
      </p:ext>
    </p:extLst>
  </p:cSld>
  <p:clrMap bg1="lt1" tx1="dk1" bg2="lt2" tx2="dk2" accent1="accent1" accent2="accent2" accent3="accent3" accent4="accent4" accent5="accent5" accent6="accent6" hlink="hlink" folHlink="folHlink"/>
  <p:sldLayoutIdLst>
    <p:sldLayoutId id="2147483917" r:id="rId1"/>
    <p:sldLayoutId id="2147483918" r:id="rId2"/>
    <p:sldLayoutId id="2147483919" r:id="rId3"/>
    <p:sldLayoutId id="2147483920" r:id="rId4"/>
    <p:sldLayoutId id="2147483921" r:id="rId5"/>
    <p:sldLayoutId id="2147483922" r:id="rId6"/>
    <p:sldLayoutId id="2147483923" r:id="rId7"/>
    <p:sldLayoutId id="2147483924" r:id="rId8"/>
    <p:sldLayoutId id="2147483925" r:id="rId9"/>
    <p:sldLayoutId id="2147483926" r:id="rId10"/>
    <p:sldLayoutId id="2147483927" r:id="rId11"/>
    <p:sldLayoutId id="2147483928" r:id="rId12"/>
    <p:sldLayoutId id="2147483929" r:id="rId13"/>
    <p:sldLayoutId id="2147483680" r:id="rId14"/>
    <p:sldLayoutId id="2147483681" r:id="rId15"/>
    <p:sldLayoutId id="2147483682" r:id="rId16"/>
    <p:sldLayoutId id="2147483683" r:id="rId17"/>
    <p:sldLayoutId id="2147483684" r:id="rId18"/>
    <p:sldLayoutId id="2147483685" r:id="rId19"/>
    <p:sldLayoutId id="2147483686" r:id="rId20"/>
    <p:sldLayoutId id="2147483687" r:id="rId21"/>
    <p:sldLayoutId id="2147483688" r:id="rId22"/>
    <p:sldLayoutId id="2147483698" r:id="rId23"/>
    <p:sldLayoutId id="2147483706" r:id="rId24"/>
    <p:sldLayoutId id="2147483707" r:id="rId25"/>
    <p:sldLayoutId id="2147483708" r:id="rId26"/>
    <p:sldLayoutId id="2147483710" r:id="rId27"/>
    <p:sldLayoutId id="2147483711" r:id="rId28"/>
    <p:sldLayoutId id="2147483712" r:id="rId29"/>
    <p:sldLayoutId id="2147483714" r:id="rId30"/>
    <p:sldLayoutId id="2147483716" r:id="rId31"/>
    <p:sldLayoutId id="2147483718" r:id="rId32"/>
    <p:sldLayoutId id="2147483719" r:id="rId33"/>
    <p:sldLayoutId id="2147483720" r:id="rId34"/>
    <p:sldLayoutId id="2147483721" r:id="rId35"/>
    <p:sldLayoutId id="2147483722" r:id="rId36"/>
    <p:sldLayoutId id="2147483725" r:id="rId37"/>
    <p:sldLayoutId id="2147483728" r:id="rId38"/>
    <p:sldLayoutId id="2147483745" r:id="rId39"/>
    <p:sldLayoutId id="2147483746" r:id="rId40"/>
    <p:sldLayoutId id="2147483747" r:id="rId41"/>
    <p:sldLayoutId id="2147483748" r:id="rId42"/>
    <p:sldLayoutId id="2147483749" r:id="rId43"/>
    <p:sldLayoutId id="2147483750" r:id="rId44"/>
    <p:sldLayoutId id="2147483753" r:id="rId45"/>
    <p:sldLayoutId id="2147483754" r:id="rId46"/>
    <p:sldLayoutId id="2147483755" r:id="rId47"/>
    <p:sldLayoutId id="2147483756" r:id="rId48"/>
    <p:sldLayoutId id="2147483757" r:id="rId49"/>
    <p:sldLayoutId id="2147483758" r:id="rId50"/>
    <p:sldLayoutId id="2147483759" r:id="rId51"/>
    <p:sldLayoutId id="2147483760" r:id="rId52"/>
    <p:sldLayoutId id="2147483761" r:id="rId53"/>
    <p:sldLayoutId id="2147483762" r:id="rId54"/>
    <p:sldLayoutId id="2147483763" r:id="rId55"/>
    <p:sldLayoutId id="2147483766" r:id="rId56"/>
    <p:sldLayoutId id="2147483767" r:id="rId57"/>
    <p:sldLayoutId id="2147483884" r:id="rId58"/>
    <p:sldLayoutId id="2147483820" r:id="rId59"/>
    <p:sldLayoutId id="2147483821" r:id="rId60"/>
    <p:sldLayoutId id="2147483822" r:id="rId61"/>
    <p:sldLayoutId id="2147483823" r:id="rId62"/>
    <p:sldLayoutId id="2147483824" r:id="rId63"/>
    <p:sldLayoutId id="2147483825" r:id="rId64"/>
    <p:sldLayoutId id="2147483837" r:id="rId65"/>
    <p:sldLayoutId id="2147483838" r:id="rId66"/>
    <p:sldLayoutId id="2147483844" r:id="rId67"/>
    <p:sldLayoutId id="2147483848" r:id="rId68"/>
    <p:sldLayoutId id="2147483850" r:id="rId69"/>
    <p:sldLayoutId id="2147483863" r:id="rId70"/>
    <p:sldLayoutId id="2147483864" r:id="rId71"/>
    <p:sldLayoutId id="2147483877" r:id="rId72"/>
    <p:sldLayoutId id="2147483879" r:id="rId73"/>
    <p:sldLayoutId id="2147483880" r:id="rId74"/>
  </p:sldLayoutIdLst>
  <p:hf sldNum="0" hdr="0" ftr="0" dt="0"/>
  <p:txStyles>
    <p:titleStyle>
      <a:lvl1pPr algn="l" defTabSz="914126" rtl="0" eaLnBrk="1" latinLnBrk="0" hangingPunct="1">
        <a:lnSpc>
          <a:spcPct val="90000"/>
        </a:lnSpc>
        <a:spcBef>
          <a:spcPct val="0"/>
        </a:spcBef>
        <a:buNone/>
        <a:defRPr sz="4399" kern="1200">
          <a:solidFill>
            <a:schemeClr val="tx1"/>
          </a:solidFill>
          <a:latin typeface="+mj-lt"/>
          <a:ea typeface="+mj-ea"/>
          <a:cs typeface="+mj-cs"/>
        </a:defRPr>
      </a:lvl1pPr>
    </p:titleStyle>
    <p:bodyStyle>
      <a:lvl1pPr marL="228531" indent="-228531" algn="l" defTabSz="914126" rtl="0" eaLnBrk="1" latinLnBrk="0" hangingPunct="1">
        <a:lnSpc>
          <a:spcPct val="90000"/>
        </a:lnSpc>
        <a:spcBef>
          <a:spcPts val="1000"/>
        </a:spcBef>
        <a:buFont typeface="Arial" panose="020B0604020202020204" pitchFamily="34" charset="0"/>
        <a:buChar char="•"/>
        <a:defRPr sz="2799" kern="1200">
          <a:solidFill>
            <a:schemeClr val="tx1"/>
          </a:solidFill>
          <a:latin typeface="+mn-lt"/>
          <a:ea typeface="+mn-ea"/>
          <a:cs typeface="+mn-cs"/>
        </a:defRPr>
      </a:lvl1pPr>
      <a:lvl2pPr marL="685594" indent="-228531" algn="l" defTabSz="914126" rtl="0" eaLnBrk="1" latinLnBrk="0" hangingPunct="1">
        <a:lnSpc>
          <a:spcPct val="90000"/>
        </a:lnSpc>
        <a:spcBef>
          <a:spcPts val="500"/>
        </a:spcBef>
        <a:buFont typeface="Arial" panose="020B0604020202020204" pitchFamily="34" charset="0"/>
        <a:buChar char="•"/>
        <a:defRPr sz="2399" kern="1200">
          <a:solidFill>
            <a:schemeClr val="tx1"/>
          </a:solidFill>
          <a:latin typeface="+mn-lt"/>
          <a:ea typeface="+mn-ea"/>
          <a:cs typeface="+mn-cs"/>
        </a:defRPr>
      </a:lvl2pPr>
      <a:lvl3pPr marL="1142657" indent="-228531" algn="l" defTabSz="914126" rtl="0" eaLnBrk="1" latinLnBrk="0" hangingPunct="1">
        <a:lnSpc>
          <a:spcPct val="90000"/>
        </a:lnSpc>
        <a:spcBef>
          <a:spcPts val="500"/>
        </a:spcBef>
        <a:buFont typeface="Arial" panose="020B0604020202020204" pitchFamily="34" charset="0"/>
        <a:buChar char="•"/>
        <a:defRPr sz="1999" kern="1200">
          <a:solidFill>
            <a:schemeClr val="tx1"/>
          </a:solidFill>
          <a:latin typeface="+mn-lt"/>
          <a:ea typeface="+mn-ea"/>
          <a:cs typeface="+mn-cs"/>
        </a:defRPr>
      </a:lvl3pPr>
      <a:lvl4pPr marL="1599720"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4pPr>
      <a:lvl5pPr marL="2056783"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5pPr>
      <a:lvl6pPr marL="2513846"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908"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971"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5034" indent="-228531" algn="l" defTabSz="914126"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it-IT"/>
      </a:defPPr>
      <a:lvl1pPr marL="0" algn="l" defTabSz="914126" rtl="0" eaLnBrk="1" latinLnBrk="0" hangingPunct="1">
        <a:defRPr sz="1799" kern="1200">
          <a:solidFill>
            <a:schemeClr val="tx1"/>
          </a:solidFill>
          <a:latin typeface="+mn-lt"/>
          <a:ea typeface="+mn-ea"/>
          <a:cs typeface="+mn-cs"/>
        </a:defRPr>
      </a:lvl1pPr>
      <a:lvl2pPr marL="457063" algn="l" defTabSz="914126" rtl="0" eaLnBrk="1" latinLnBrk="0" hangingPunct="1">
        <a:defRPr sz="1799" kern="1200">
          <a:solidFill>
            <a:schemeClr val="tx1"/>
          </a:solidFill>
          <a:latin typeface="+mn-lt"/>
          <a:ea typeface="+mn-ea"/>
          <a:cs typeface="+mn-cs"/>
        </a:defRPr>
      </a:lvl2pPr>
      <a:lvl3pPr marL="914126" algn="l" defTabSz="914126" rtl="0" eaLnBrk="1" latinLnBrk="0" hangingPunct="1">
        <a:defRPr sz="1799" kern="1200">
          <a:solidFill>
            <a:schemeClr val="tx1"/>
          </a:solidFill>
          <a:latin typeface="+mn-lt"/>
          <a:ea typeface="+mn-ea"/>
          <a:cs typeface="+mn-cs"/>
        </a:defRPr>
      </a:lvl3pPr>
      <a:lvl4pPr marL="1371189" algn="l" defTabSz="914126" rtl="0" eaLnBrk="1" latinLnBrk="0" hangingPunct="1">
        <a:defRPr sz="1799" kern="1200">
          <a:solidFill>
            <a:schemeClr val="tx1"/>
          </a:solidFill>
          <a:latin typeface="+mn-lt"/>
          <a:ea typeface="+mn-ea"/>
          <a:cs typeface="+mn-cs"/>
        </a:defRPr>
      </a:lvl4pPr>
      <a:lvl5pPr marL="1828251" algn="l" defTabSz="914126" rtl="0" eaLnBrk="1" latinLnBrk="0" hangingPunct="1">
        <a:defRPr sz="1799" kern="1200">
          <a:solidFill>
            <a:schemeClr val="tx1"/>
          </a:solidFill>
          <a:latin typeface="+mn-lt"/>
          <a:ea typeface="+mn-ea"/>
          <a:cs typeface="+mn-cs"/>
        </a:defRPr>
      </a:lvl5pPr>
      <a:lvl6pPr marL="2285314" algn="l" defTabSz="914126" rtl="0" eaLnBrk="1" latinLnBrk="0" hangingPunct="1">
        <a:defRPr sz="1799" kern="1200">
          <a:solidFill>
            <a:schemeClr val="tx1"/>
          </a:solidFill>
          <a:latin typeface="+mn-lt"/>
          <a:ea typeface="+mn-ea"/>
          <a:cs typeface="+mn-cs"/>
        </a:defRPr>
      </a:lvl6pPr>
      <a:lvl7pPr marL="2742377" algn="l" defTabSz="914126" rtl="0" eaLnBrk="1" latinLnBrk="0" hangingPunct="1">
        <a:defRPr sz="1799" kern="1200">
          <a:solidFill>
            <a:schemeClr val="tx1"/>
          </a:solidFill>
          <a:latin typeface="+mn-lt"/>
          <a:ea typeface="+mn-ea"/>
          <a:cs typeface="+mn-cs"/>
        </a:defRPr>
      </a:lvl7pPr>
      <a:lvl8pPr marL="3199440" algn="l" defTabSz="914126" rtl="0" eaLnBrk="1" latinLnBrk="0" hangingPunct="1">
        <a:defRPr sz="1799" kern="1200">
          <a:solidFill>
            <a:schemeClr val="tx1"/>
          </a:solidFill>
          <a:latin typeface="+mn-lt"/>
          <a:ea typeface="+mn-ea"/>
          <a:cs typeface="+mn-cs"/>
        </a:defRPr>
      </a:lvl8pPr>
      <a:lvl9pPr marL="3656503" algn="l" defTabSz="914126" rtl="0" eaLnBrk="1" latinLnBrk="0" hangingPunct="1">
        <a:defRPr sz="1799"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12.xml"/><Relationship Id="rId4" Type="http://schemas.openxmlformats.org/officeDocument/2006/relationships/image" Target="../media/image16.svg"/></Relationships>
</file>

<file path=ppt/slides/_rels/slide1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9.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5.png"/></Relationships>
</file>

<file path=ppt/slides/_rels/slide1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0.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6.png"/></Relationships>
</file>

<file path=ppt/slides/_rels/slide1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1.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7.png"/></Relationships>
</file>

<file path=ppt/slides/_rels/slide1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2.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8.png"/></Relationships>
</file>

<file path=ppt/slides/_rels/slide1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3.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9.png"/></Relationships>
</file>

<file path=ppt/slides/_rels/slide1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4.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0.png"/></Relationships>
</file>

<file path=ppt/slides/_rels/slide1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5.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1.png"/></Relationships>
</file>

<file path=ppt/slides/_rels/slide1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6.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32.png"/></Relationships>
</file>

<file path=ppt/slides/_rels/slide18.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17.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19.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8.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20.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19.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1.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20.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_rels/slide2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1.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xml"/><Relationship Id="rId1" Type="http://schemas.openxmlformats.org/officeDocument/2006/relationships/slideLayout" Target="../slideLayouts/slideLayout13.xml"/><Relationship Id="rId6" Type="http://schemas.openxmlformats.org/officeDocument/2006/relationships/image" Target="../media/image18.png"/><Relationship Id="rId5" Type="http://schemas.openxmlformats.org/officeDocument/2006/relationships/image" Target="../media/image17.png"/><Relationship Id="rId4" Type="http://schemas.openxmlformats.org/officeDocument/2006/relationships/image" Target="../media/image20.svg"/></Relationships>
</file>

<file path=ppt/slides/_rels/slide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1.png"/></Relationships>
</file>

<file path=ppt/slides/_rels/slide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4.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22.png"/></Relationships>
</file>

<file path=ppt/slides/_rels/slide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5.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7.xml.rels><?xml version="1.0" encoding="UTF-8" standalone="yes"?>
<Relationships xmlns="http://schemas.openxmlformats.org/package/2006/relationships"><Relationship Id="rId8" Type="http://schemas.openxmlformats.org/officeDocument/2006/relationships/diagramColors" Target="../diagrams/colors1.xml"/><Relationship Id="rId3" Type="http://schemas.openxmlformats.org/officeDocument/2006/relationships/image" Target="../media/image23.png"/><Relationship Id="rId7" Type="http://schemas.openxmlformats.org/officeDocument/2006/relationships/diagramQuickStyle" Target="../diagrams/quickStyle1.xml"/><Relationship Id="rId2" Type="http://schemas.openxmlformats.org/officeDocument/2006/relationships/notesSlide" Target="../notesSlides/notesSlide6.xml"/><Relationship Id="rId1" Type="http://schemas.openxmlformats.org/officeDocument/2006/relationships/slideLayout" Target="../slideLayouts/slideLayout13.xml"/><Relationship Id="rId6" Type="http://schemas.openxmlformats.org/officeDocument/2006/relationships/diagramLayout" Target="../diagrams/layout1.xml"/><Relationship Id="rId5" Type="http://schemas.openxmlformats.org/officeDocument/2006/relationships/diagramData" Target="../diagrams/data1.xml"/><Relationship Id="rId10" Type="http://schemas.openxmlformats.org/officeDocument/2006/relationships/image" Target="../media/image18.png"/><Relationship Id="rId4" Type="http://schemas.openxmlformats.org/officeDocument/2006/relationships/image" Target="../media/image17.png"/><Relationship Id="rId9" Type="http://schemas.microsoft.com/office/2007/relationships/diagramDrawing" Target="../diagrams/drawing1.xml"/></Relationships>
</file>

<file path=ppt/slides/_rels/slide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7.xml"/><Relationship Id="rId1" Type="http://schemas.openxmlformats.org/officeDocument/2006/relationships/slideLayout" Target="../slideLayouts/slideLayout13.xml"/><Relationship Id="rId4" Type="http://schemas.openxmlformats.org/officeDocument/2006/relationships/image" Target="../media/image18.png"/></Relationships>
</file>

<file path=ppt/slides/_rels/slide9.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8.xml"/><Relationship Id="rId1" Type="http://schemas.openxmlformats.org/officeDocument/2006/relationships/slideLayout" Target="../slideLayouts/slideLayout13.xml"/><Relationship Id="rId5" Type="http://schemas.openxmlformats.org/officeDocument/2006/relationships/image" Target="../media/image18.png"/><Relationship Id="rId4" Type="http://schemas.openxmlformats.org/officeDocument/2006/relationships/image" Target="../media/image1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rot="10800000">
            <a:off x="0" y="10036"/>
            <a:ext cx="12188825" cy="6856214"/>
          </a:xfrm>
          <a:prstGeom prst="rect">
            <a:avLst/>
          </a:prstGeom>
          <a:solidFill>
            <a:srgbClr val="3999C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79" name="Freeform 78"/>
          <p:cNvSpPr/>
          <p:nvPr/>
        </p:nvSpPr>
        <p:spPr>
          <a:xfrm>
            <a:off x="3212048" y="722387"/>
            <a:ext cx="1772157" cy="2220271"/>
          </a:xfrm>
          <a:custGeom>
            <a:avLst/>
            <a:gdLst>
              <a:gd name="connsiteX0" fmla="*/ 604731 w 1772619"/>
              <a:gd name="connsiteY0" fmla="*/ 721821 h 2220849"/>
              <a:gd name="connsiteX1" fmla="*/ 428989 w 1772619"/>
              <a:gd name="connsiteY1" fmla="*/ 897563 h 2220849"/>
              <a:gd name="connsiteX2" fmla="*/ 480463 w 1772619"/>
              <a:gd name="connsiteY2" fmla="*/ 1021832 h 2220849"/>
              <a:gd name="connsiteX3" fmla="*/ 487877 w 1772619"/>
              <a:gd name="connsiteY3" fmla="*/ 1026830 h 2220849"/>
              <a:gd name="connsiteX4" fmla="*/ 516598 w 1772619"/>
              <a:gd name="connsiteY4" fmla="*/ 1046195 h 2220849"/>
              <a:gd name="connsiteX5" fmla="*/ 536324 w 1772619"/>
              <a:gd name="connsiteY5" fmla="*/ 1059494 h 2220849"/>
              <a:gd name="connsiteX6" fmla="*/ 604731 w 1772619"/>
              <a:gd name="connsiteY6" fmla="*/ 1073305 h 2220849"/>
              <a:gd name="connsiteX7" fmla="*/ 780473 w 1772619"/>
              <a:gd name="connsiteY7" fmla="*/ 897563 h 2220849"/>
              <a:gd name="connsiteX8" fmla="*/ 766662 w 1772619"/>
              <a:gd name="connsiteY8" fmla="*/ 829156 h 2220849"/>
              <a:gd name="connsiteX9" fmla="*/ 731222 w 1772619"/>
              <a:gd name="connsiteY9" fmla="*/ 776591 h 2220849"/>
              <a:gd name="connsiteX10" fmla="*/ 729000 w 1772619"/>
              <a:gd name="connsiteY10" fmla="*/ 773295 h 2220849"/>
              <a:gd name="connsiteX11" fmla="*/ 703262 w 1772619"/>
              <a:gd name="connsiteY11" fmla="*/ 755942 h 2220849"/>
              <a:gd name="connsiteX12" fmla="*/ 673138 w 1772619"/>
              <a:gd name="connsiteY12" fmla="*/ 735632 h 2220849"/>
              <a:gd name="connsiteX13" fmla="*/ 604731 w 1772619"/>
              <a:gd name="connsiteY13" fmla="*/ 721821 h 2220849"/>
              <a:gd name="connsiteX14" fmla="*/ 1772619 w 1772619"/>
              <a:gd name="connsiteY14" fmla="*/ 0 h 2220849"/>
              <a:gd name="connsiteX15" fmla="*/ 1761667 w 1772619"/>
              <a:gd name="connsiteY15" fmla="*/ 40873 h 2220849"/>
              <a:gd name="connsiteX16" fmla="*/ 1757362 w 1772619"/>
              <a:gd name="connsiteY16" fmla="*/ 42449 h 2220849"/>
              <a:gd name="connsiteX17" fmla="*/ 765788 w 1772619"/>
              <a:gd name="connsiteY17" fmla="*/ 737164 h 2220849"/>
              <a:gd name="connsiteX18" fmla="*/ 751853 w 1772619"/>
              <a:gd name="connsiteY18" fmla="*/ 753059 h 2220849"/>
              <a:gd name="connsiteX19" fmla="*/ 794732 w 1772619"/>
              <a:gd name="connsiteY19" fmla="*/ 816658 h 2220849"/>
              <a:gd name="connsiteX20" fmla="*/ 811180 w 1772619"/>
              <a:gd name="connsiteY20" fmla="*/ 898128 h 2220849"/>
              <a:gd name="connsiteX21" fmla="*/ 601877 w 1772619"/>
              <a:gd name="connsiteY21" fmla="*/ 1107431 h 2220849"/>
              <a:gd name="connsiteX22" fmla="*/ 520407 w 1772619"/>
              <a:gd name="connsiteY22" fmla="*/ 1090983 h 2220849"/>
              <a:gd name="connsiteX23" fmla="*/ 496827 w 1772619"/>
              <a:gd name="connsiteY23" fmla="*/ 1075085 h 2220849"/>
              <a:gd name="connsiteX24" fmla="*/ 446600 w 1772619"/>
              <a:gd name="connsiteY24" fmla="*/ 1148480 h 2220849"/>
              <a:gd name="connsiteX25" fmla="*/ 49725 w 1772619"/>
              <a:gd name="connsiteY25" fmla="*/ 2124450 h 2220849"/>
              <a:gd name="connsiteX26" fmla="*/ 36506 w 1772619"/>
              <a:gd name="connsiteY26" fmla="*/ 2211068 h 2220849"/>
              <a:gd name="connsiteX27" fmla="*/ 0 w 1772619"/>
              <a:gd name="connsiteY27" fmla="*/ 2220849 h 2220849"/>
              <a:gd name="connsiteX28" fmla="*/ 15778 w 1772619"/>
              <a:gd name="connsiteY28" fmla="*/ 2117467 h 2220849"/>
              <a:gd name="connsiteX29" fmla="*/ 417408 w 1772619"/>
              <a:gd name="connsiteY29" fmla="*/ 1129804 h 2220849"/>
              <a:gd name="connsiteX30" fmla="*/ 468106 w 1772619"/>
              <a:gd name="connsiteY30" fmla="*/ 1055721 h 2220849"/>
              <a:gd name="connsiteX31" fmla="*/ 453877 w 1772619"/>
              <a:gd name="connsiteY31" fmla="*/ 1046128 h 2220849"/>
              <a:gd name="connsiteX32" fmla="*/ 392574 w 1772619"/>
              <a:gd name="connsiteY32" fmla="*/ 898128 h 2220849"/>
              <a:gd name="connsiteX33" fmla="*/ 601877 w 1772619"/>
              <a:gd name="connsiteY33" fmla="*/ 688825 h 2220849"/>
              <a:gd name="connsiteX34" fmla="*/ 683347 w 1772619"/>
              <a:gd name="connsiteY34" fmla="*/ 705273 h 2220849"/>
              <a:gd name="connsiteX35" fmla="*/ 723783 w 1772619"/>
              <a:gd name="connsiteY35" fmla="*/ 732535 h 2220849"/>
              <a:gd name="connsiteX36" fmla="*/ 740419 w 1772619"/>
              <a:gd name="connsiteY36" fmla="*/ 713560 h 2220849"/>
              <a:gd name="connsiteX37" fmla="*/ 1743873 w 1772619"/>
              <a:gd name="connsiteY37" fmla="*/ 10521 h 222084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1772619" h="2220849">
                <a:moveTo>
                  <a:pt x="604731" y="721821"/>
                </a:moveTo>
                <a:cubicBezTo>
                  <a:pt x="507671" y="721821"/>
                  <a:pt x="428989" y="800503"/>
                  <a:pt x="428989" y="897563"/>
                </a:cubicBezTo>
                <a:cubicBezTo>
                  <a:pt x="428989" y="946093"/>
                  <a:pt x="448660" y="990029"/>
                  <a:pt x="480463" y="1021832"/>
                </a:cubicBezTo>
                <a:lnTo>
                  <a:pt x="487877" y="1026830"/>
                </a:lnTo>
                <a:lnTo>
                  <a:pt x="516598" y="1046195"/>
                </a:lnTo>
                <a:lnTo>
                  <a:pt x="536324" y="1059494"/>
                </a:lnTo>
                <a:cubicBezTo>
                  <a:pt x="557350" y="1068387"/>
                  <a:pt x="580466" y="1073305"/>
                  <a:pt x="604731" y="1073305"/>
                </a:cubicBezTo>
                <a:cubicBezTo>
                  <a:pt x="701791" y="1073305"/>
                  <a:pt x="780473" y="994623"/>
                  <a:pt x="780473" y="897563"/>
                </a:cubicBezTo>
                <a:cubicBezTo>
                  <a:pt x="780473" y="873298"/>
                  <a:pt x="775556" y="850182"/>
                  <a:pt x="766662" y="829156"/>
                </a:cubicBezTo>
                <a:lnTo>
                  <a:pt x="731222" y="776591"/>
                </a:lnTo>
                <a:lnTo>
                  <a:pt x="729000" y="773295"/>
                </a:lnTo>
                <a:lnTo>
                  <a:pt x="703262" y="755942"/>
                </a:lnTo>
                <a:lnTo>
                  <a:pt x="673138" y="735632"/>
                </a:lnTo>
                <a:cubicBezTo>
                  <a:pt x="652113" y="726739"/>
                  <a:pt x="628996" y="721821"/>
                  <a:pt x="604731" y="721821"/>
                </a:cubicBezTo>
                <a:close/>
                <a:moveTo>
                  <a:pt x="1772619" y="0"/>
                </a:moveTo>
                <a:lnTo>
                  <a:pt x="1761667" y="40873"/>
                </a:lnTo>
                <a:lnTo>
                  <a:pt x="1757362" y="42449"/>
                </a:lnTo>
                <a:cubicBezTo>
                  <a:pt x="1378912" y="202520"/>
                  <a:pt x="1041624" y="440855"/>
                  <a:pt x="765788" y="737164"/>
                </a:cubicBezTo>
                <a:lnTo>
                  <a:pt x="751853" y="753059"/>
                </a:lnTo>
                <a:lnTo>
                  <a:pt x="794732" y="816658"/>
                </a:lnTo>
                <a:cubicBezTo>
                  <a:pt x="805323" y="841699"/>
                  <a:pt x="811180" y="869229"/>
                  <a:pt x="811180" y="898128"/>
                </a:cubicBezTo>
                <a:cubicBezTo>
                  <a:pt x="811180" y="1013723"/>
                  <a:pt x="717472" y="1107431"/>
                  <a:pt x="601877" y="1107431"/>
                </a:cubicBezTo>
                <a:cubicBezTo>
                  <a:pt x="572978" y="1107431"/>
                  <a:pt x="545448" y="1101574"/>
                  <a:pt x="520407" y="1090983"/>
                </a:cubicBezTo>
                <a:lnTo>
                  <a:pt x="496827" y="1075085"/>
                </a:lnTo>
                <a:lnTo>
                  <a:pt x="446600" y="1148480"/>
                </a:lnTo>
                <a:cubicBezTo>
                  <a:pt x="258513" y="1441858"/>
                  <a:pt x="121962" y="1771440"/>
                  <a:pt x="49725" y="2124450"/>
                </a:cubicBezTo>
                <a:lnTo>
                  <a:pt x="36506" y="2211068"/>
                </a:lnTo>
                <a:lnTo>
                  <a:pt x="0" y="2220849"/>
                </a:lnTo>
                <a:lnTo>
                  <a:pt x="15778" y="2117467"/>
                </a:lnTo>
                <a:cubicBezTo>
                  <a:pt x="88880" y="1760228"/>
                  <a:pt x="227067" y="1426697"/>
                  <a:pt x="417408" y="1129804"/>
                </a:cubicBezTo>
                <a:lnTo>
                  <a:pt x="468106" y="1055721"/>
                </a:lnTo>
                <a:lnTo>
                  <a:pt x="453877" y="1046128"/>
                </a:lnTo>
                <a:cubicBezTo>
                  <a:pt x="416001" y="1008251"/>
                  <a:pt x="392574" y="955926"/>
                  <a:pt x="392574" y="898128"/>
                </a:cubicBezTo>
                <a:cubicBezTo>
                  <a:pt x="392574" y="782533"/>
                  <a:pt x="486282" y="688825"/>
                  <a:pt x="601877" y="688825"/>
                </a:cubicBezTo>
                <a:cubicBezTo>
                  <a:pt x="630776" y="688825"/>
                  <a:pt x="658307" y="694682"/>
                  <a:pt x="683347" y="705273"/>
                </a:cubicBezTo>
                <a:lnTo>
                  <a:pt x="723783" y="732535"/>
                </a:lnTo>
                <a:lnTo>
                  <a:pt x="740419" y="713560"/>
                </a:lnTo>
                <a:cubicBezTo>
                  <a:pt x="1019560" y="413701"/>
                  <a:pt x="1360889" y="172510"/>
                  <a:pt x="1743873" y="10521"/>
                </a:cubicBezTo>
                <a:close/>
              </a:path>
            </a:pathLst>
          </a:cu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46" name="Freeform 45"/>
          <p:cNvSpPr/>
          <p:nvPr/>
        </p:nvSpPr>
        <p:spPr>
          <a:xfrm>
            <a:off x="4276841" y="1160285"/>
            <a:ext cx="4743609" cy="5194753"/>
          </a:xfrm>
          <a:custGeom>
            <a:avLst/>
            <a:gdLst>
              <a:gd name="connsiteX0" fmla="*/ 3665259 w 4744845"/>
              <a:gd name="connsiteY0" fmla="*/ 0 h 5196106"/>
              <a:gd name="connsiteX1" fmla="*/ 3679762 w 4744845"/>
              <a:gd name="connsiteY1" fmla="*/ 10845 h 5196106"/>
              <a:gd name="connsiteX2" fmla="*/ 4744845 w 4744845"/>
              <a:gd name="connsiteY2" fmla="*/ 2269306 h 5196106"/>
              <a:gd name="connsiteX3" fmla="*/ 1818045 w 4744845"/>
              <a:gd name="connsiteY3" fmla="*/ 5196106 h 5196106"/>
              <a:gd name="connsiteX4" fmla="*/ 181643 w 4744845"/>
              <a:gd name="connsiteY4" fmla="*/ 4696255 h 5196106"/>
              <a:gd name="connsiteX5" fmla="*/ 0 w 4744845"/>
              <a:gd name="connsiteY5" fmla="*/ 4560424 h 5196106"/>
              <a:gd name="connsiteX6" fmla="*/ 42551 w 4744845"/>
              <a:gd name="connsiteY6" fmla="*/ 4549023 h 5196106"/>
              <a:gd name="connsiteX7" fmla="*/ 201018 w 4744845"/>
              <a:gd name="connsiteY7" fmla="*/ 4667522 h 5196106"/>
              <a:gd name="connsiteX8" fmla="*/ 1818046 w 4744845"/>
              <a:gd name="connsiteY8" fmla="*/ 5161456 h 5196106"/>
              <a:gd name="connsiteX9" fmla="*/ 4710196 w 4744845"/>
              <a:gd name="connsiteY9" fmla="*/ 2269306 h 5196106"/>
              <a:gd name="connsiteX10" fmla="*/ 3657722 w 4744845"/>
              <a:gd name="connsiteY10" fmla="*/ 37583 h 5196106"/>
              <a:gd name="connsiteX11" fmla="*/ 3655611 w 4744845"/>
              <a:gd name="connsiteY11" fmla="*/ 36005 h 5196106"/>
              <a:gd name="connsiteX12" fmla="*/ 3665259 w 4744845"/>
              <a:gd name="connsiteY12" fmla="*/ 0 h 51961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744845" h="5196106">
                <a:moveTo>
                  <a:pt x="3665259" y="0"/>
                </a:moveTo>
                <a:lnTo>
                  <a:pt x="3679762" y="10845"/>
                </a:lnTo>
                <a:cubicBezTo>
                  <a:pt x="4330235" y="547663"/>
                  <a:pt x="4744845" y="1360066"/>
                  <a:pt x="4744845" y="2269306"/>
                </a:cubicBezTo>
                <a:cubicBezTo>
                  <a:pt x="4744845" y="3885733"/>
                  <a:pt x="3434472" y="5196106"/>
                  <a:pt x="1818045" y="5196106"/>
                </a:cubicBezTo>
                <a:cubicBezTo>
                  <a:pt x="1211885" y="5196106"/>
                  <a:pt x="648764" y="5011835"/>
                  <a:pt x="181643" y="4696255"/>
                </a:cubicBezTo>
                <a:lnTo>
                  <a:pt x="0" y="4560424"/>
                </a:lnTo>
                <a:lnTo>
                  <a:pt x="42551" y="4549023"/>
                </a:lnTo>
                <a:lnTo>
                  <a:pt x="201018" y="4667522"/>
                </a:lnTo>
                <a:cubicBezTo>
                  <a:pt x="662608" y="4979367"/>
                  <a:pt x="1219062" y="5161456"/>
                  <a:pt x="1818046" y="5161456"/>
                </a:cubicBezTo>
                <a:cubicBezTo>
                  <a:pt x="3415336" y="5161456"/>
                  <a:pt x="4710196" y="3866596"/>
                  <a:pt x="4710196" y="2269306"/>
                </a:cubicBezTo>
                <a:cubicBezTo>
                  <a:pt x="4710196" y="1370831"/>
                  <a:pt x="4300494" y="568046"/>
                  <a:pt x="3657722" y="37583"/>
                </a:cubicBezTo>
                <a:lnTo>
                  <a:pt x="3655611" y="36005"/>
                </a:lnTo>
                <a:lnTo>
                  <a:pt x="3665259" y="0"/>
                </a:lnTo>
                <a:close/>
              </a:path>
            </a:pathLst>
          </a:cu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92" name="Freeform 91"/>
          <p:cNvSpPr/>
          <p:nvPr/>
        </p:nvSpPr>
        <p:spPr>
          <a:xfrm>
            <a:off x="2374776" y="-290636"/>
            <a:ext cx="7439270" cy="7439270"/>
          </a:xfrm>
          <a:custGeom>
            <a:avLst/>
            <a:gdLst>
              <a:gd name="connsiteX0" fmla="*/ 3720604 w 7441208"/>
              <a:gd name="connsiteY0" fmla="*/ 0 h 7441208"/>
              <a:gd name="connsiteX1" fmla="*/ 7441208 w 7441208"/>
              <a:gd name="connsiteY1" fmla="*/ 3720604 h 7441208"/>
              <a:gd name="connsiteX2" fmla="*/ 3720604 w 7441208"/>
              <a:gd name="connsiteY2" fmla="*/ 7441208 h 7441208"/>
              <a:gd name="connsiteX3" fmla="*/ 635421 w 7441208"/>
              <a:gd name="connsiteY3" fmla="*/ 5800829 h 7441208"/>
              <a:gd name="connsiteX4" fmla="*/ 456035 w 7441208"/>
              <a:gd name="connsiteY4" fmla="*/ 5505552 h 7441208"/>
              <a:gd name="connsiteX5" fmla="*/ 485448 w 7441208"/>
              <a:gd name="connsiteY5" fmla="*/ 5489587 h 7441208"/>
              <a:gd name="connsiteX6" fmla="*/ 592198 w 7441208"/>
              <a:gd name="connsiteY6" fmla="*/ 5288814 h 7441208"/>
              <a:gd name="connsiteX7" fmla="*/ 350074 w 7441208"/>
              <a:gd name="connsiteY7" fmla="*/ 5046690 h 7441208"/>
              <a:gd name="connsiteX8" fmla="*/ 255829 w 7441208"/>
              <a:gd name="connsiteY8" fmla="*/ 5065718 h 7441208"/>
              <a:gd name="connsiteX9" fmla="*/ 252450 w 7441208"/>
              <a:gd name="connsiteY9" fmla="*/ 5067551 h 7441208"/>
              <a:gd name="connsiteX10" fmla="*/ 225765 w 7441208"/>
              <a:gd name="connsiteY10" fmla="*/ 4999873 h 7441208"/>
              <a:gd name="connsiteX11" fmla="*/ 0 w 7441208"/>
              <a:gd name="connsiteY11" fmla="*/ 3720604 h 7441208"/>
              <a:gd name="connsiteX12" fmla="*/ 3720604 w 7441208"/>
              <a:gd name="connsiteY12" fmla="*/ 0 h 74412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41208" h="7441208">
                <a:moveTo>
                  <a:pt x="3720604" y="0"/>
                </a:moveTo>
                <a:cubicBezTo>
                  <a:pt x="5775437" y="0"/>
                  <a:pt x="7441208" y="1665771"/>
                  <a:pt x="7441208" y="3720604"/>
                </a:cubicBezTo>
                <a:cubicBezTo>
                  <a:pt x="7441208" y="5775437"/>
                  <a:pt x="5775437" y="7441208"/>
                  <a:pt x="3720604" y="7441208"/>
                </a:cubicBezTo>
                <a:cubicBezTo>
                  <a:pt x="2436334" y="7441208"/>
                  <a:pt x="1304040" y="6790516"/>
                  <a:pt x="635421" y="5800829"/>
                </a:cubicBezTo>
                <a:lnTo>
                  <a:pt x="456035" y="5505552"/>
                </a:lnTo>
                <a:lnTo>
                  <a:pt x="485448" y="5489587"/>
                </a:lnTo>
                <a:cubicBezTo>
                  <a:pt x="549853" y="5446076"/>
                  <a:pt x="592198" y="5372390"/>
                  <a:pt x="592198" y="5288814"/>
                </a:cubicBezTo>
                <a:cubicBezTo>
                  <a:pt x="592198" y="5155093"/>
                  <a:pt x="483795" y="5046690"/>
                  <a:pt x="350074" y="5046690"/>
                </a:cubicBezTo>
                <a:cubicBezTo>
                  <a:pt x="316644" y="5046690"/>
                  <a:pt x="284796" y="5053465"/>
                  <a:pt x="255829" y="5065718"/>
                </a:cubicBezTo>
                <a:lnTo>
                  <a:pt x="252450" y="5067551"/>
                </a:lnTo>
                <a:lnTo>
                  <a:pt x="225765" y="4999873"/>
                </a:lnTo>
                <a:cubicBezTo>
                  <a:pt x="79710" y="4600976"/>
                  <a:pt x="0" y="4170099"/>
                  <a:pt x="0" y="3720604"/>
                </a:cubicBezTo>
                <a:cubicBezTo>
                  <a:pt x="0" y="1665771"/>
                  <a:pt x="1665771" y="0"/>
                  <a:pt x="3720604" y="0"/>
                </a:cubicBezTo>
                <a:close/>
              </a:path>
            </a:pathLst>
          </a:custGeom>
          <a:no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55" name="Oval 54"/>
          <p:cNvSpPr/>
          <p:nvPr/>
        </p:nvSpPr>
        <p:spPr>
          <a:xfrm>
            <a:off x="7942523" y="5238863"/>
            <a:ext cx="418496" cy="41849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93" name="Oval 92"/>
          <p:cNvSpPr/>
          <p:nvPr/>
        </p:nvSpPr>
        <p:spPr>
          <a:xfrm>
            <a:off x="2592643" y="4837902"/>
            <a:ext cx="261732" cy="26173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sz="1799" b="0" i="0" u="none" strike="noStrike" kern="1200" cap="none" spc="0" normalizeH="0" baseline="0" noProof="0">
              <a:ln>
                <a:noFill/>
              </a:ln>
              <a:solidFill>
                <a:srgbClr val="FFFFFF"/>
              </a:solidFill>
              <a:effectLst/>
              <a:uLnTx/>
              <a:uFillTx/>
              <a:latin typeface="Calibri" panose="020F0502020204030204"/>
              <a:ea typeface="+mn-ea"/>
              <a:cs typeface="+mn-cs"/>
            </a:endParaRPr>
          </a:p>
        </p:txBody>
      </p:sp>
      <p:sp>
        <p:nvSpPr>
          <p:cNvPr id="11" name="TextBox 10"/>
          <p:cNvSpPr txBox="1"/>
          <p:nvPr/>
        </p:nvSpPr>
        <p:spPr>
          <a:xfrm>
            <a:off x="3816770" y="1529342"/>
            <a:ext cx="4567043" cy="2523768"/>
          </a:xfrm>
          <a:prstGeom prst="rect">
            <a:avLst/>
          </a:prstGeom>
          <a:noFill/>
        </p:spPr>
        <p:txBody>
          <a:bodyPr wrap="square" lIns="91440" tIns="45720" rIns="91440" bIns="45720" rtlCol="0" anchor="t">
            <a:spAutoFit/>
          </a:bodyPr>
          <a:lstStyle/>
          <a:p>
            <a:pPr algn="ctr" defTabSz="914126">
              <a:defRPr/>
            </a:pPr>
            <a:r>
              <a:rPr lang="en-GB" sz="2800" dirty="0">
                <a:solidFill>
                  <a:srgbClr val="FFFFFF"/>
                </a:solidFill>
                <a:latin typeface="Brown"/>
              </a:rPr>
              <a:t>Sistema di </a:t>
            </a:r>
            <a:r>
              <a:rPr lang="en-GB" sz="2800" dirty="0" err="1">
                <a:solidFill>
                  <a:srgbClr val="FFFFFF"/>
                </a:solidFill>
                <a:latin typeface="Brown"/>
              </a:rPr>
              <a:t>previsione</a:t>
            </a:r>
            <a:r>
              <a:rPr lang="en-GB" sz="2800" dirty="0">
                <a:solidFill>
                  <a:srgbClr val="FFFFFF"/>
                </a:solidFill>
                <a:latin typeface="Brown"/>
              </a:rPr>
              <a:t> del </a:t>
            </a:r>
            <a:r>
              <a:rPr lang="en-GB" sz="2800" dirty="0" err="1">
                <a:solidFill>
                  <a:srgbClr val="FFFFFF"/>
                </a:solidFill>
                <a:latin typeface="Brown"/>
              </a:rPr>
              <a:t>processo</a:t>
            </a:r>
            <a:r>
              <a:rPr lang="en-GB" sz="2800" dirty="0">
                <a:solidFill>
                  <a:srgbClr val="FFFFFF"/>
                </a:solidFill>
                <a:latin typeface="Brown"/>
              </a:rPr>
              <a:t> di </a:t>
            </a:r>
            <a:r>
              <a:rPr lang="en-GB" sz="2800" dirty="0" err="1">
                <a:solidFill>
                  <a:srgbClr val="FFFFFF"/>
                </a:solidFill>
                <a:latin typeface="Brown"/>
              </a:rPr>
              <a:t>chiusura</a:t>
            </a:r>
            <a:r>
              <a:rPr lang="en-GB" sz="2800" dirty="0">
                <a:solidFill>
                  <a:srgbClr val="FFFFFF"/>
                </a:solidFill>
                <a:latin typeface="Brown"/>
              </a:rPr>
              <a:t> </a:t>
            </a:r>
            <a:r>
              <a:rPr lang="en-GB" sz="2800" dirty="0" err="1">
                <a:solidFill>
                  <a:srgbClr val="FFFFFF"/>
                </a:solidFill>
                <a:latin typeface="Brown"/>
              </a:rPr>
              <a:t>contabile</a:t>
            </a:r>
            <a:endParaRPr lang="en-GB" sz="2800" dirty="0">
              <a:solidFill>
                <a:srgbClr val="FFFFFF"/>
              </a:solidFill>
              <a:latin typeface="Brown"/>
            </a:endParaRPr>
          </a:p>
          <a:p>
            <a:pPr algn="ctr" defTabSz="914126">
              <a:defRPr/>
            </a:pPr>
            <a:r>
              <a:rPr lang="en-GB" sz="2800" dirty="0">
                <a:solidFill>
                  <a:srgbClr val="FFFFFF"/>
                </a:solidFill>
                <a:latin typeface="Brown"/>
              </a:rPr>
              <a:t> </a:t>
            </a:r>
          </a:p>
          <a:p>
            <a:pPr algn="ctr" defTabSz="914126">
              <a:defRPr/>
            </a:pPr>
            <a:endParaRPr lang="en-GB" sz="2800" dirty="0">
              <a:solidFill>
                <a:srgbClr val="FFFFFF"/>
              </a:solidFill>
              <a:latin typeface="Brown"/>
            </a:endParaRPr>
          </a:p>
          <a:p>
            <a:pPr algn="ctr" defTabSz="914126">
              <a:defRPr/>
            </a:pPr>
            <a:r>
              <a:rPr lang="en-GB" sz="2800" dirty="0">
                <a:solidFill>
                  <a:srgbClr val="FFFFFF"/>
                </a:solidFill>
                <a:latin typeface="Brown"/>
              </a:rPr>
              <a:t>12 Marzo – 2024</a:t>
            </a:r>
          </a:p>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b="0" i="0" u="none" strike="noStrike" kern="1200" cap="none" spc="0" normalizeH="0" baseline="0" noProof="0" dirty="0">
              <a:ln>
                <a:noFill/>
              </a:ln>
              <a:solidFill>
                <a:srgbClr val="FFFFFF"/>
              </a:solidFill>
              <a:effectLst/>
              <a:uLnTx/>
              <a:uFillTx/>
              <a:latin typeface="Brown" pitchFamily="50" charset="0"/>
            </a:endParaRPr>
          </a:p>
        </p:txBody>
      </p:sp>
      <p:pic>
        <p:nvPicPr>
          <p:cNvPr id="14" name="Image 13" descr="APSIA-ID-LOGO-RVB-HD.png">
            <a:extLst>
              <a:ext uri="{FF2B5EF4-FFF2-40B4-BE49-F238E27FC236}">
                <a16:creationId xmlns:a16="http://schemas.microsoft.com/office/drawing/2014/main" id="{13777445-A57E-4845-B2D4-4838575F6484}"/>
              </a:ext>
            </a:extLst>
          </p:cNvPr>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5155523" y="3954224"/>
            <a:ext cx="2022999" cy="740454"/>
          </a:xfrm>
          <a:prstGeom prst="rect">
            <a:avLst/>
          </a:prstGeom>
        </p:spPr>
      </p:pic>
      <p:sp>
        <p:nvSpPr>
          <p:cNvPr id="9" name="Holder 2">
            <a:extLst>
              <a:ext uri="{FF2B5EF4-FFF2-40B4-BE49-F238E27FC236}">
                <a16:creationId xmlns:a16="http://schemas.microsoft.com/office/drawing/2014/main" id="{B0EA6308-7FD8-E732-9661-E654175AD389}"/>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5" name="Graphic 4" descr="Flask outline">
            <a:extLst>
              <a:ext uri="{FF2B5EF4-FFF2-40B4-BE49-F238E27FC236}">
                <a16:creationId xmlns:a16="http://schemas.microsoft.com/office/drawing/2014/main" id="{85F1E1EF-03D7-DC12-95C3-7F14B57A77BC}"/>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5865810" y="2613911"/>
            <a:ext cx="457200" cy="457200"/>
          </a:xfrm>
          <a:prstGeom prst="rect">
            <a:avLst/>
          </a:prstGeom>
        </p:spPr>
      </p:pic>
      <p:sp>
        <p:nvSpPr>
          <p:cNvPr id="2" name="TextBox 10">
            <a:extLst>
              <a:ext uri="{FF2B5EF4-FFF2-40B4-BE49-F238E27FC236}">
                <a16:creationId xmlns:a16="http://schemas.microsoft.com/office/drawing/2014/main" id="{8281D9D8-A80A-4CA4-9CEC-769F587E7921}"/>
              </a:ext>
            </a:extLst>
          </p:cNvPr>
          <p:cNvSpPr txBox="1"/>
          <p:nvPr/>
        </p:nvSpPr>
        <p:spPr>
          <a:xfrm>
            <a:off x="3883500" y="5053853"/>
            <a:ext cx="4567043" cy="800219"/>
          </a:xfrm>
          <a:prstGeom prst="rect">
            <a:avLst/>
          </a:prstGeom>
          <a:noFill/>
        </p:spPr>
        <p:txBody>
          <a:bodyPr wrap="square" lIns="91440" tIns="45720" rIns="91440" bIns="45720" rtlCol="0" anchor="t">
            <a:spAutoFit/>
          </a:bodyPr>
          <a:lstStyle/>
          <a:p>
            <a:pPr algn="ctr" defTabSz="914126">
              <a:defRPr/>
            </a:pPr>
            <a:r>
              <a:rPr lang="en-GB" sz="2800" dirty="0">
                <a:solidFill>
                  <a:srgbClr val="FFFFFF"/>
                </a:solidFill>
                <a:latin typeface="Brown"/>
              </a:rPr>
              <a:t>Gianluca Coletta</a:t>
            </a:r>
          </a:p>
          <a:p>
            <a:pPr marL="0" marR="0" lvl="0" indent="0" algn="ctr" defTabSz="914126" rtl="0" eaLnBrk="1" fontAlgn="auto" latinLnBrk="0" hangingPunct="1">
              <a:lnSpc>
                <a:spcPct val="100000"/>
              </a:lnSpc>
              <a:spcBef>
                <a:spcPts val="0"/>
              </a:spcBef>
              <a:spcAft>
                <a:spcPts val="0"/>
              </a:spcAft>
              <a:buClrTx/>
              <a:buSzTx/>
              <a:buFontTx/>
              <a:buNone/>
              <a:tabLst/>
              <a:defRPr/>
            </a:pPr>
            <a:endParaRPr kumimoji="0" lang="en-GB" b="0" i="0" u="none" strike="noStrike" kern="1200" cap="none" spc="0" normalizeH="0" baseline="0" noProof="0" dirty="0">
              <a:ln>
                <a:noFill/>
              </a:ln>
              <a:solidFill>
                <a:srgbClr val="FFFFFF"/>
              </a:solidFill>
              <a:effectLst/>
              <a:uLnTx/>
              <a:uFillTx/>
              <a:latin typeface="Brown" pitchFamily="50" charset="0"/>
            </a:endParaRPr>
          </a:p>
        </p:txBody>
      </p:sp>
    </p:spTree>
    <p:extLst>
      <p:ext uri="{BB962C8B-B14F-4D97-AF65-F5344CB8AC3E}">
        <p14:creationId xmlns:p14="http://schemas.microsoft.com/office/powerpoint/2010/main" val="149974957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01</a:t>
            </a:r>
            <a:r>
              <a:rPr lang="en-US" sz="2000" b="1" kern="1200" dirty="0">
                <a:solidFill>
                  <a:srgbClr val="0070C0"/>
                </a:solidFill>
                <a:latin typeface="+mj-lt"/>
                <a:ea typeface="+mj-ea"/>
                <a:cs typeface="+mj-cs"/>
              </a:rPr>
              <a:t>: </a:t>
            </a:r>
            <a:r>
              <a:rPr lang="it-IT" sz="2000" dirty="0">
                <a:solidFill>
                  <a:srgbClr val="0070C0"/>
                </a:solidFill>
                <a:latin typeface="+mj-lt"/>
              </a:rPr>
              <a:t>registrare fatture  fornitore</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8" y="1972543"/>
            <a:ext cx="10764000" cy="3694811"/>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461404886"/>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5462" y="669890"/>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03: </a:t>
            </a:r>
            <a:r>
              <a:rPr lang="it-IT" sz="2000" dirty="0">
                <a:solidFill>
                  <a:srgbClr val="0070C0"/>
                </a:solidFill>
                <a:latin typeface="+mj-lt"/>
              </a:rPr>
              <a:t>registrare e accoppiare tutti i pagamenti.</a:t>
            </a:r>
          </a:p>
          <a:p>
            <a:pPr fontAlgn="base">
              <a:lnSpc>
                <a:spcPct val="90000"/>
              </a:lnSpc>
              <a:spcBef>
                <a:spcPct val="0"/>
              </a:spcBef>
              <a:spcAft>
                <a:spcPts val="600"/>
              </a:spcAft>
            </a:pPr>
            <a:r>
              <a:rPr lang="en-US" sz="2000" b="1" kern="1200" dirty="0">
                <a:solidFill>
                  <a:srgbClr val="0070C0"/>
                </a:solidFill>
                <a:latin typeface="+mj-lt"/>
                <a:ea typeface="+mj-ea"/>
                <a:cs typeface="+mj-cs"/>
              </a:rPr>
              <a:t> </a:t>
            </a: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descr="Immagine che contiene diagramma, testo, Diagramma, linea&#10;&#10;Descrizione generata automaticamente">
            <a:extLst>
              <a:ext uri="{FF2B5EF4-FFF2-40B4-BE49-F238E27FC236}">
                <a16:creationId xmlns:a16="http://schemas.microsoft.com/office/drawing/2014/main" id="{42CE465E-01C4-2347-5546-5C197C4E7D83}"/>
              </a:ext>
            </a:extLst>
          </p:cNvPr>
          <p:cNvPicPr>
            <a:picLocks noChangeAspect="1"/>
          </p:cNvPicPr>
          <p:nvPr/>
        </p:nvPicPr>
        <p:blipFill>
          <a:blip r:embed="rId4"/>
          <a:stretch>
            <a:fillRect/>
          </a:stretch>
        </p:blipFill>
        <p:spPr>
          <a:xfrm>
            <a:off x="823188" y="1972542"/>
            <a:ext cx="10764000" cy="3694812"/>
          </a:xfrm>
          <a:prstGeom prst="rect">
            <a:avLst/>
          </a:prstGeom>
        </p:spPr>
      </p:pic>
      <p:pic>
        <p:nvPicPr>
          <p:cNvPr id="13" name="Immagine 12" descr="Immagine che contiene Carattere, Elementi grafici, grafica, testo&#10;&#10;Descrizione generata automaticamente">
            <a:extLst>
              <a:ext uri="{FF2B5EF4-FFF2-40B4-BE49-F238E27FC236}">
                <a16:creationId xmlns:a16="http://schemas.microsoft.com/office/drawing/2014/main" id="{E8AE4AD6-E003-AA25-3E69-72854EF5B5AE}"/>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61915108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07</a:t>
            </a:r>
            <a:r>
              <a:rPr lang="en-US" sz="2000" b="1" kern="1200" dirty="0">
                <a:solidFill>
                  <a:srgbClr val="0070C0"/>
                </a:solidFill>
                <a:latin typeface="+mj-lt"/>
                <a:ea typeface="+mj-ea"/>
                <a:cs typeface="+mj-cs"/>
              </a:rPr>
              <a:t>: </a:t>
            </a:r>
            <a:r>
              <a:rPr lang="it-IT" sz="2000" dirty="0">
                <a:solidFill>
                  <a:srgbClr val="0070C0"/>
                </a:solidFill>
                <a:latin typeface="+mj-lt"/>
              </a:rPr>
              <a:t>registrare fatture  di vendita</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9" y="1972543"/>
            <a:ext cx="10763998" cy="3694811"/>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605738621"/>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09</a:t>
            </a:r>
            <a:r>
              <a:rPr lang="en-US" sz="2000" b="1" kern="1200" dirty="0">
                <a:solidFill>
                  <a:srgbClr val="0070C0"/>
                </a:solidFill>
                <a:latin typeface="+mj-lt"/>
                <a:ea typeface="+mj-ea"/>
                <a:cs typeface="+mj-cs"/>
              </a:rPr>
              <a:t>: </a:t>
            </a:r>
            <a:r>
              <a:rPr lang="it-IT" sz="2000" dirty="0">
                <a:solidFill>
                  <a:srgbClr val="0070C0"/>
                </a:solidFill>
                <a:latin typeface="+mj-lt"/>
              </a:rPr>
              <a:t>registrare e accoppiare tutti i pagamenti ricevuti</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9" y="1972543"/>
            <a:ext cx="10763998" cy="3694810"/>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187958445"/>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13</a:t>
            </a:r>
            <a:r>
              <a:rPr lang="en-US" sz="2000" b="1" kern="1200" dirty="0">
                <a:solidFill>
                  <a:srgbClr val="0070C0"/>
                </a:solidFill>
                <a:latin typeface="+mj-lt"/>
                <a:ea typeface="+mj-ea"/>
                <a:cs typeface="+mj-cs"/>
              </a:rPr>
              <a:t>: </a:t>
            </a:r>
            <a:r>
              <a:rPr lang="it-IT" sz="2000" dirty="0">
                <a:solidFill>
                  <a:srgbClr val="0070C0"/>
                </a:solidFill>
                <a:latin typeface="+mj-lt"/>
              </a:rPr>
              <a:t>eseguire la riconciliazione bancaria</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3"/>
            <a:ext cx="10763995" cy="3694810"/>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80295723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a:t>
            </a:r>
            <a:r>
              <a:rPr lang="en-US" sz="2000" b="1" dirty="0">
                <a:solidFill>
                  <a:srgbClr val="0070C0"/>
                </a:solidFill>
                <a:latin typeface="+mj-lt"/>
                <a:ea typeface="+mj-ea"/>
                <a:cs typeface="+mj-cs"/>
              </a:rPr>
              <a:t>15</a:t>
            </a:r>
            <a:r>
              <a:rPr lang="en-US" sz="2000" b="1" kern="1200" dirty="0">
                <a:solidFill>
                  <a:srgbClr val="0070C0"/>
                </a:solidFill>
                <a:latin typeface="+mj-lt"/>
                <a:ea typeface="+mj-ea"/>
                <a:cs typeface="+mj-cs"/>
              </a:rPr>
              <a:t>: </a:t>
            </a:r>
            <a:r>
              <a:rPr lang="it-IT" sz="2000" dirty="0">
                <a:solidFill>
                  <a:srgbClr val="0070C0"/>
                </a:solidFill>
                <a:latin typeface="+mj-lt"/>
              </a:rPr>
              <a:t>registrare acquisizioni (e correzioni) di cespiti</a:t>
            </a: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7" name="Connettore 16">
            <a:extLst>
              <a:ext uri="{FF2B5EF4-FFF2-40B4-BE49-F238E27FC236}">
                <a16:creationId xmlns:a16="http://schemas.microsoft.com/office/drawing/2014/main" id="{344EDAD9-AE8B-4BEA-D80F-42F1485439F9}"/>
              </a:ext>
            </a:extLst>
          </p:cNvPr>
          <p:cNvSpPr/>
          <p:nvPr/>
        </p:nvSpPr>
        <p:spPr>
          <a:xfrm>
            <a:off x="1970751" y="5878503"/>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2114751" y="5827633"/>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4"/>
            <a:ext cx="10763995" cy="3694809"/>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64871644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32: </a:t>
            </a:r>
            <a:r>
              <a:rPr lang="it-IT" sz="2000" dirty="0">
                <a:solidFill>
                  <a:srgbClr val="0070C0"/>
                </a:solidFill>
                <a:latin typeface="+mj-lt"/>
              </a:rPr>
              <a:t>registrare le scritture di assestamento</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88" y="1982589"/>
            <a:ext cx="10764000" cy="3674718"/>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882983321"/>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ACT34: </a:t>
            </a:r>
            <a:r>
              <a:rPr lang="it-IT" sz="2000" dirty="0">
                <a:solidFill>
                  <a:srgbClr val="0070C0"/>
                </a:solidFill>
                <a:latin typeface="+mj-lt"/>
              </a:rPr>
              <a:t>registrare le allocazioni</a:t>
            </a:r>
            <a:endParaRPr lang="en-US" sz="2000" b="1" kern="1200" dirty="0">
              <a:solidFill>
                <a:srgbClr val="0070C0"/>
              </a:solidFill>
              <a:latin typeface="+mj-lt"/>
              <a:ea typeface="+mj-ea"/>
              <a:cs typeface="+mj-cs"/>
            </a:endParaRPr>
          </a:p>
        </p:txBody>
      </p:sp>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10" name="Immagine 9">
            <a:extLst>
              <a:ext uri="{FF2B5EF4-FFF2-40B4-BE49-F238E27FC236}">
                <a16:creationId xmlns:a16="http://schemas.microsoft.com/office/drawing/2014/main" id="{42CE465E-01C4-2347-5546-5C197C4E7D83}"/>
              </a:ext>
            </a:extLst>
          </p:cNvPr>
          <p:cNvPicPr>
            <a:picLocks noChangeAspect="1"/>
          </p:cNvPicPr>
          <p:nvPr/>
        </p:nvPicPr>
        <p:blipFill>
          <a:blip r:embed="rId4"/>
          <a:srcRect/>
          <a:stretch/>
        </p:blipFill>
        <p:spPr>
          <a:xfrm>
            <a:off x="823190" y="1972543"/>
            <a:ext cx="10763995" cy="3694809"/>
          </a:xfrm>
          <a:prstGeom prst="rect">
            <a:avLst/>
          </a:prstGeom>
        </p:spPr>
      </p:pic>
      <p:pic>
        <p:nvPicPr>
          <p:cNvPr id="4" name="Immagine 3" descr="Immagine che contiene Carattere, Elementi grafici, grafica, testo&#10;&#10;Descrizione generata automaticamente">
            <a:extLst>
              <a:ext uri="{FF2B5EF4-FFF2-40B4-BE49-F238E27FC236}">
                <a16:creationId xmlns:a16="http://schemas.microsoft.com/office/drawing/2014/main" id="{2DD85BAA-946D-2CD2-4D35-B322E04975D5}"/>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22537073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la Francia (FR13)</a:t>
            </a: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2" y="2011099"/>
            <a:ext cx="10765376" cy="3655310"/>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D84EAE7D-D8E6-FBF8-49F6-3F69AB0DF0D8}"/>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985813825"/>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8446034" cy="742951"/>
          </a:xfrm>
          <a:prstGeom prst="rect">
            <a:avLst/>
          </a:prstGeom>
        </p:spPr>
        <p:txBody>
          <a:bodyPr vert="horz" lIns="91440" tIns="45720" rIns="91440" bIns="45720" rtlCol="0" anchor="ctr">
            <a:no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la Gran </a:t>
            </a:r>
            <a:r>
              <a:rPr lang="en-US" sz="2000" b="1" kern="1200" dirty="0" err="1">
                <a:solidFill>
                  <a:srgbClr val="0070C0"/>
                </a:solidFill>
                <a:latin typeface="+mj-lt"/>
                <a:ea typeface="+mj-ea"/>
                <a:cs typeface="+mj-cs"/>
              </a:rPr>
              <a:t>Bretagna</a:t>
            </a:r>
            <a:r>
              <a:rPr lang="en-US" sz="2000" b="1" kern="1200" dirty="0">
                <a:solidFill>
                  <a:srgbClr val="0070C0"/>
                </a:solidFill>
                <a:latin typeface="+mj-lt"/>
                <a:ea typeface="+mj-ea"/>
                <a:cs typeface="+mj-cs"/>
              </a:rPr>
              <a:t> (GB02)</a:t>
            </a: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10"/>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59086852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Introduzione</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9" name="Immagine 8" descr="Immagine che contiene Carattere, Elementi grafici, grafica, testo&#10;&#10;Descrizione generata automaticamente">
            <a:extLst>
              <a:ext uri="{FF2B5EF4-FFF2-40B4-BE49-F238E27FC236}">
                <a16:creationId xmlns:a16="http://schemas.microsoft.com/office/drawing/2014/main" id="{E06543A2-9692-D730-C6F6-CC820DE19D7D}"/>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68595429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0.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a:t>
            </a:r>
            <a:r>
              <a:rPr lang="en-US" sz="2000" b="1" dirty="0">
                <a:solidFill>
                  <a:srgbClr val="0070C0"/>
                </a:solidFill>
                <a:latin typeface="+mj-lt"/>
                <a:ea typeface="+mj-ea"/>
                <a:cs typeface="+mj-cs"/>
              </a:rPr>
              <a:t>la Polonia (PL01)</a:t>
            </a:r>
            <a:endParaRPr lang="en-US" sz="2000" b="1" kern="1200" dirty="0">
              <a:solidFill>
                <a:srgbClr val="0070C0"/>
              </a:solidFill>
              <a:latin typeface="+mj-lt"/>
              <a:ea typeface="+mj-ea"/>
              <a:cs typeface="+mj-cs"/>
            </a:endParaRP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09"/>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244167592"/>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a:t>
            </a:r>
            <a:r>
              <a:rPr lang="en-US" sz="2000" b="1" kern="1200">
                <a:solidFill>
                  <a:srgbClr val="0070C0"/>
                </a:solidFill>
                <a:latin typeface="+mj-lt"/>
                <a:ea typeface="+mj-ea"/>
                <a:cs typeface="+mj-cs"/>
              </a:rPr>
              <a:t>per la Romania (RO01)</a:t>
            </a:r>
            <a:endParaRPr lang="en-US" sz="2000" b="1" kern="1200" dirty="0">
              <a:solidFill>
                <a:srgbClr val="0070C0"/>
              </a:solidFill>
              <a:latin typeface="+mj-lt"/>
              <a:ea typeface="+mj-ea"/>
              <a:cs typeface="+mj-cs"/>
            </a:endParaRPr>
          </a:p>
        </p:txBody>
      </p:sp>
      <p:pic>
        <p:nvPicPr>
          <p:cNvPr id="9" name="Immagine 8">
            <a:extLst>
              <a:ext uri="{FF2B5EF4-FFF2-40B4-BE49-F238E27FC236}">
                <a16:creationId xmlns:a16="http://schemas.microsoft.com/office/drawing/2014/main" id="{3CA2ACCA-5F47-C7ED-079C-118B94405A0E}"/>
              </a:ext>
            </a:extLst>
          </p:cNvPr>
          <p:cNvPicPr>
            <a:picLocks noChangeAspect="1"/>
          </p:cNvPicPr>
          <p:nvPr/>
        </p:nvPicPr>
        <p:blipFill>
          <a:blip r:embed="rId3"/>
          <a:srcRect/>
          <a:stretch/>
        </p:blipFill>
        <p:spPr>
          <a:xfrm>
            <a:off x="723713" y="2011099"/>
            <a:ext cx="10765373" cy="3655309"/>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8A14285A-C15E-02BD-42A0-21C0FD44281D}"/>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81603834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2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Grazie</a:t>
            </a:r>
            <a:r>
              <a:rPr lang="en-US" sz="6000" b="1" kern="1200" dirty="0">
                <a:solidFill>
                  <a:srgbClr val="0070C0"/>
                </a:solidFill>
                <a:latin typeface="Brown"/>
                <a:ea typeface="+mj-ea"/>
                <a:cs typeface="+mj-cs"/>
              </a:rPr>
              <a:t> per </a:t>
            </a:r>
            <a:r>
              <a:rPr lang="en-US" sz="6000" b="1" kern="1200" dirty="0" err="1">
                <a:solidFill>
                  <a:srgbClr val="0070C0"/>
                </a:solidFill>
                <a:latin typeface="Brown"/>
                <a:ea typeface="+mj-ea"/>
                <a:cs typeface="+mj-cs"/>
              </a:rPr>
              <a:t>l’attenzione</a:t>
            </a:r>
            <a:r>
              <a:rPr lang="en-US" sz="6000" b="1" kern="1200" dirty="0">
                <a:solidFill>
                  <a:srgbClr val="0070C0"/>
                </a:solidFill>
                <a:latin typeface="Brown"/>
                <a:ea typeface="+mj-ea"/>
                <a:cs typeface="+mj-cs"/>
              </a:rPr>
              <a:t>!</a:t>
            </a: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1DEECA32-E166-B42B-DF78-E4401AE82061}"/>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797162160"/>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761641" y="1138265"/>
            <a:ext cx="6105503" cy="1401183"/>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400" b="1" kern="1200" dirty="0">
                <a:solidFill>
                  <a:srgbClr val="0070C0"/>
                </a:solidFill>
                <a:latin typeface="+mj-lt"/>
                <a:ea typeface="+mj-ea"/>
                <a:cs typeface="+mj-cs"/>
              </a:rPr>
              <a:t>Il processo di </a:t>
            </a:r>
            <a:r>
              <a:rPr lang="en-US" sz="3400" b="1" kern="1200" dirty="0" err="1">
                <a:solidFill>
                  <a:srgbClr val="0070C0"/>
                </a:solidFill>
                <a:latin typeface="+mj-lt"/>
                <a:ea typeface="+mj-ea"/>
                <a:cs typeface="+mj-cs"/>
              </a:rPr>
              <a:t>chiusura</a:t>
            </a:r>
            <a:r>
              <a:rPr lang="en-US" sz="3400" b="1" kern="1200" dirty="0">
                <a:solidFill>
                  <a:srgbClr val="0070C0"/>
                </a:solidFill>
                <a:latin typeface="+mj-lt"/>
                <a:ea typeface="+mj-ea"/>
                <a:cs typeface="+mj-cs"/>
              </a:rPr>
              <a:t> contabile </a:t>
            </a:r>
          </a:p>
        </p:txBody>
      </p:sp>
      <p:cxnSp>
        <p:nvCxnSpPr>
          <p:cNvPr id="28" name="Straight Connector 15">
            <a:extLst>
              <a:ext uri="{FF2B5EF4-FFF2-40B4-BE49-F238E27FC236}">
                <a16:creationId xmlns:a16="http://schemas.microsoft.com/office/drawing/2014/main" id="{FC23E3B9-5ABF-58B3-E2B0-E9A5DAA90037}"/>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861237"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4" name="CasellaDiTesto 3">
            <a:extLst>
              <a:ext uri="{FF2B5EF4-FFF2-40B4-BE49-F238E27FC236}">
                <a16:creationId xmlns:a16="http://schemas.microsoft.com/office/drawing/2014/main" id="{B0E30B35-275C-39D3-A40E-30518A5DDF1F}"/>
              </a:ext>
            </a:extLst>
          </p:cNvPr>
          <p:cNvSpPr txBox="1"/>
          <p:nvPr/>
        </p:nvSpPr>
        <p:spPr>
          <a:xfrm>
            <a:off x="629841" y="2013773"/>
            <a:ext cx="5985053" cy="3822192"/>
          </a:xfrm>
          <a:prstGeom prst="rect">
            <a:avLst/>
          </a:prstGeom>
        </p:spPr>
        <p:txBody>
          <a:bodyPr vert="horz" lIns="91440" tIns="45720" rIns="91440" bIns="45720" rtlCol="0">
            <a:normAutofit fontScale="92500"/>
          </a:bodyPr>
          <a:lstStyle/>
          <a:p>
            <a:pPr marL="342900" indent="-228600" algn="just">
              <a:lnSpc>
                <a:spcPct val="160000"/>
              </a:lnSpc>
              <a:spcAft>
                <a:spcPts val="600"/>
              </a:spcAft>
              <a:buFont typeface="Arial" panose="020B0604020202020204" pitchFamily="34" charset="0"/>
              <a:buChar char="•"/>
            </a:pPr>
            <a:r>
              <a:rPr lang="en-US" sz="1600" dirty="0"/>
              <a:t> Il processo di </a:t>
            </a:r>
            <a:r>
              <a:rPr lang="it-IT" sz="1600" b="1" dirty="0"/>
              <a:t>chiusura</a:t>
            </a:r>
            <a:r>
              <a:rPr lang="en-US" sz="1600" b="1" dirty="0"/>
              <a:t> contabile</a:t>
            </a:r>
            <a:r>
              <a:rPr lang="en-US" sz="1600" dirty="0"/>
              <a:t> è un </a:t>
            </a:r>
            <a:r>
              <a:rPr lang="en-US" sz="1600" dirty="0" err="1"/>
              <a:t>insieme</a:t>
            </a:r>
            <a:r>
              <a:rPr lang="en-US" sz="1600" dirty="0"/>
              <a:t> di </a:t>
            </a:r>
            <a:r>
              <a:rPr lang="en-US" sz="1600" dirty="0" err="1"/>
              <a:t>attività</a:t>
            </a:r>
            <a:r>
              <a:rPr lang="en-US" sz="1600" dirty="0"/>
              <a:t> </a:t>
            </a:r>
            <a:r>
              <a:rPr lang="en-US" sz="1600" dirty="0" err="1"/>
              <a:t>che</a:t>
            </a:r>
            <a:r>
              <a:rPr lang="en-US" sz="1600" dirty="0"/>
              <a:t> </a:t>
            </a:r>
            <a:r>
              <a:rPr lang="en-US" sz="1600" dirty="0" err="1"/>
              <a:t>vengono</a:t>
            </a:r>
            <a:r>
              <a:rPr lang="en-US" sz="1600" dirty="0"/>
              <a:t> </a:t>
            </a:r>
            <a:r>
              <a:rPr lang="en-US" sz="1600" dirty="0" err="1"/>
              <a:t>eseguite</a:t>
            </a:r>
            <a:r>
              <a:rPr lang="en-US" sz="1600" dirty="0"/>
              <a:t> </a:t>
            </a:r>
            <a:r>
              <a:rPr lang="en-US" sz="1600" dirty="0" err="1"/>
              <a:t>alla</a:t>
            </a:r>
            <a:r>
              <a:rPr lang="en-US" sz="1600" dirty="0"/>
              <a:t> fine di </a:t>
            </a:r>
            <a:r>
              <a:rPr lang="en-US" sz="1600" dirty="0" err="1"/>
              <a:t>ogni</a:t>
            </a:r>
            <a:r>
              <a:rPr lang="en-US" sz="1600" dirty="0"/>
              <a:t> mese per </a:t>
            </a:r>
            <a:r>
              <a:rPr lang="en-US" sz="1600" dirty="0" err="1"/>
              <a:t>garantire</a:t>
            </a:r>
            <a:r>
              <a:rPr lang="en-US" sz="1600" dirty="0"/>
              <a:t> </a:t>
            </a:r>
            <a:r>
              <a:rPr lang="en-US" sz="1600" dirty="0" err="1"/>
              <a:t>che</a:t>
            </a:r>
            <a:r>
              <a:rPr lang="en-US" sz="1600" dirty="0"/>
              <a:t> </a:t>
            </a:r>
            <a:r>
              <a:rPr lang="en-US" sz="1600" dirty="0" err="1"/>
              <a:t>i</a:t>
            </a:r>
            <a:r>
              <a:rPr lang="en-US" sz="1600" dirty="0"/>
              <a:t> libri </a:t>
            </a:r>
            <a:r>
              <a:rPr lang="en-US" sz="1600" dirty="0" err="1"/>
              <a:t>contabili</a:t>
            </a:r>
            <a:r>
              <a:rPr lang="en-US" sz="1600" dirty="0"/>
              <a:t> </a:t>
            </a:r>
            <a:r>
              <a:rPr lang="en-US" sz="1600" dirty="0" err="1"/>
              <a:t>siano</a:t>
            </a:r>
            <a:r>
              <a:rPr lang="en-US" sz="1600" dirty="0"/>
              <a:t> </a:t>
            </a:r>
            <a:r>
              <a:rPr lang="en-US" sz="1600" dirty="0" err="1"/>
              <a:t>aggiornati</a:t>
            </a:r>
            <a:r>
              <a:rPr lang="en-US" sz="1600" dirty="0"/>
              <a:t>, </a:t>
            </a:r>
            <a:r>
              <a:rPr lang="en-US" sz="1600" dirty="0" err="1"/>
              <a:t>accurati</a:t>
            </a:r>
            <a:r>
              <a:rPr lang="en-US" sz="1600" dirty="0"/>
              <a:t> e </a:t>
            </a:r>
            <a:r>
              <a:rPr lang="en-US" sz="1600" dirty="0" err="1"/>
              <a:t>pronti</a:t>
            </a:r>
            <a:r>
              <a:rPr lang="en-US" sz="1600" dirty="0"/>
              <a:t> per la </a:t>
            </a:r>
            <a:r>
              <a:rPr lang="en-US" sz="1600" dirty="0" err="1"/>
              <a:t>preparazione</a:t>
            </a:r>
            <a:r>
              <a:rPr lang="en-US" sz="1600" dirty="0"/>
              <a:t> </a:t>
            </a:r>
            <a:r>
              <a:rPr lang="en-US" sz="1600" dirty="0" err="1"/>
              <a:t>dei</a:t>
            </a:r>
            <a:r>
              <a:rPr lang="en-US" sz="1600" dirty="0"/>
              <a:t> </a:t>
            </a:r>
            <a:r>
              <a:rPr lang="en-US" sz="1600" dirty="0" err="1"/>
              <a:t>rapporti</a:t>
            </a:r>
            <a:r>
              <a:rPr lang="en-US" sz="1600" dirty="0"/>
              <a:t> </a:t>
            </a:r>
            <a:r>
              <a:rPr lang="en-US" sz="1600" dirty="0" err="1"/>
              <a:t>finanziari</a:t>
            </a:r>
            <a:r>
              <a:rPr lang="en-US" sz="1600" dirty="0"/>
              <a:t>.</a:t>
            </a:r>
          </a:p>
          <a:p>
            <a:pPr marL="342900" indent="-228600" algn="just">
              <a:lnSpc>
                <a:spcPct val="160000"/>
              </a:lnSpc>
              <a:spcAft>
                <a:spcPts val="600"/>
              </a:spcAft>
              <a:buFont typeface="Arial" panose="020B0604020202020204" pitchFamily="34" charset="0"/>
              <a:buChar char="•"/>
            </a:pPr>
            <a:endParaRPr lang="en-US" sz="1600" dirty="0"/>
          </a:p>
          <a:p>
            <a:pPr marL="342900" indent="-228600" algn="just">
              <a:lnSpc>
                <a:spcPct val="160000"/>
              </a:lnSpc>
              <a:spcAft>
                <a:spcPts val="600"/>
              </a:spcAft>
              <a:buFont typeface="Arial" panose="020B0604020202020204" pitchFamily="34" charset="0"/>
              <a:buChar char="•"/>
            </a:pPr>
            <a:r>
              <a:rPr lang="en-US" sz="1600" dirty="0" err="1"/>
              <a:t>Questo</a:t>
            </a:r>
            <a:r>
              <a:rPr lang="en-US" sz="1600" dirty="0"/>
              <a:t> processo </a:t>
            </a:r>
            <a:r>
              <a:rPr lang="en-US" sz="1600" dirty="0" err="1"/>
              <a:t>implica</a:t>
            </a:r>
            <a:r>
              <a:rPr lang="en-US" sz="1600" dirty="0"/>
              <a:t> un alto </a:t>
            </a:r>
            <a:r>
              <a:rPr lang="en-US" sz="1600" dirty="0" err="1"/>
              <a:t>numero</a:t>
            </a:r>
            <a:r>
              <a:rPr lang="en-US" sz="1600" dirty="0"/>
              <a:t> di </a:t>
            </a:r>
            <a:r>
              <a:rPr lang="en-US" sz="1600" dirty="0" err="1"/>
              <a:t>transazioni</a:t>
            </a:r>
            <a:r>
              <a:rPr lang="en-US" sz="1600" dirty="0"/>
              <a:t> </a:t>
            </a:r>
            <a:r>
              <a:rPr lang="en-US" sz="1600" dirty="0" err="1"/>
              <a:t>registrate</a:t>
            </a:r>
            <a:r>
              <a:rPr lang="en-US" sz="1600" dirty="0"/>
              <a:t> </a:t>
            </a:r>
            <a:r>
              <a:rPr lang="en-US" sz="1600" dirty="0" err="1"/>
              <a:t>all’interno</a:t>
            </a:r>
            <a:r>
              <a:rPr lang="en-US" sz="1600" dirty="0"/>
              <a:t> del </a:t>
            </a:r>
            <a:r>
              <a:rPr lang="en-US" sz="1600" dirty="0" err="1"/>
              <a:t>sistema</a:t>
            </a:r>
            <a:r>
              <a:rPr lang="en-US" sz="1600" dirty="0"/>
              <a:t> </a:t>
            </a:r>
            <a:r>
              <a:rPr lang="en-US" sz="1600" b="1" dirty="0"/>
              <a:t>Microsoft Dynamics 365</a:t>
            </a:r>
            <a:r>
              <a:rPr lang="en-US" sz="1600" dirty="0"/>
              <a:t>.</a:t>
            </a:r>
          </a:p>
          <a:p>
            <a:pPr marL="342900" indent="-228600" algn="just">
              <a:lnSpc>
                <a:spcPct val="160000"/>
              </a:lnSpc>
              <a:spcAft>
                <a:spcPts val="600"/>
              </a:spcAft>
              <a:buFont typeface="Arial" panose="020B0604020202020204" pitchFamily="34" charset="0"/>
              <a:buChar char="•"/>
            </a:pPr>
            <a:endParaRPr lang="en-US" sz="1600" dirty="0"/>
          </a:p>
          <a:p>
            <a:pPr marL="342900" indent="-228600" algn="just">
              <a:lnSpc>
                <a:spcPct val="160000"/>
              </a:lnSpc>
              <a:spcAft>
                <a:spcPts val="600"/>
              </a:spcAft>
              <a:buFont typeface="Arial" panose="020B0604020202020204" pitchFamily="34" charset="0"/>
              <a:buChar char="•"/>
            </a:pPr>
            <a:r>
              <a:rPr lang="en-US" sz="1600" dirty="0" err="1"/>
              <a:t>Vengono</a:t>
            </a:r>
            <a:r>
              <a:rPr lang="en-US" sz="1600" dirty="0"/>
              <a:t> </a:t>
            </a:r>
            <a:r>
              <a:rPr lang="en-US" sz="1600" dirty="0" err="1"/>
              <a:t>coinvolte</a:t>
            </a:r>
            <a:r>
              <a:rPr lang="en-US" sz="1600" dirty="0"/>
              <a:t> </a:t>
            </a:r>
            <a:r>
              <a:rPr lang="en-US" sz="1600" dirty="0" err="1"/>
              <a:t>principalmente</a:t>
            </a:r>
            <a:r>
              <a:rPr lang="en-US" sz="1600" dirty="0"/>
              <a:t> due </a:t>
            </a:r>
            <a:r>
              <a:rPr lang="en-US" sz="1600" dirty="0" err="1"/>
              <a:t>tabelle</a:t>
            </a:r>
            <a:r>
              <a:rPr lang="en-US" sz="1600" dirty="0"/>
              <a:t> </a:t>
            </a:r>
            <a:r>
              <a:rPr lang="en-US" sz="1600" dirty="0" err="1"/>
              <a:t>all’interno</a:t>
            </a:r>
            <a:r>
              <a:rPr lang="en-US" sz="1600" dirty="0"/>
              <a:t> del database: </a:t>
            </a:r>
            <a:r>
              <a:rPr lang="en-US" sz="1600" b="1" dirty="0" err="1"/>
              <a:t>GeneralJournalEntry</a:t>
            </a:r>
            <a:r>
              <a:rPr lang="en-US" sz="1600" dirty="0"/>
              <a:t> e </a:t>
            </a:r>
            <a:r>
              <a:rPr lang="en-US" sz="1600" b="1" dirty="0" err="1"/>
              <a:t>GeneralJournalAccountEntry</a:t>
            </a:r>
            <a:r>
              <a:rPr lang="en-US" sz="1600" dirty="0"/>
              <a:t>.</a:t>
            </a:r>
          </a:p>
          <a:p>
            <a:pPr marL="114300" indent="-228600">
              <a:lnSpc>
                <a:spcPct val="90000"/>
              </a:lnSpc>
              <a:spcAft>
                <a:spcPts val="600"/>
              </a:spcAft>
              <a:buFont typeface="Arial" panose="020B0604020202020204" pitchFamily="34" charset="0"/>
              <a:buChar char="•"/>
            </a:pPr>
            <a:endParaRPr lang="en-US" sz="1600" dirty="0"/>
          </a:p>
          <a:p>
            <a:pPr marL="285750" indent="-228600">
              <a:lnSpc>
                <a:spcPct val="90000"/>
              </a:lnSpc>
              <a:spcAft>
                <a:spcPts val="600"/>
              </a:spcAft>
              <a:buFont typeface="Arial" panose="020B0604020202020204" pitchFamily="34" charset="0"/>
              <a:buChar char="•"/>
            </a:pPr>
            <a:endParaRPr lang="en-US" sz="1600" dirty="0"/>
          </a:p>
        </p:txBody>
      </p:sp>
      <p:pic>
        <p:nvPicPr>
          <p:cNvPr id="11" name="Elemento grafico 10">
            <a:extLst>
              <a:ext uri="{FF2B5EF4-FFF2-40B4-BE49-F238E27FC236}">
                <a16:creationId xmlns:a16="http://schemas.microsoft.com/office/drawing/2014/main" id="{49C465E2-67F1-C8B5-3843-70136F1B26D5}"/>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7834830" y="1838856"/>
            <a:ext cx="3805482" cy="3805482"/>
          </a:xfrm>
          <a:prstGeom prst="rect">
            <a:avLst/>
          </a:prstGeom>
        </p:spPr>
      </p:pic>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9" name="Ovale 8">
            <a:extLst>
              <a:ext uri="{FF2B5EF4-FFF2-40B4-BE49-F238E27FC236}">
                <a16:creationId xmlns:a16="http://schemas.microsoft.com/office/drawing/2014/main" id="{91A0A2D9-8423-6393-2532-926E7E57CD73}"/>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pic>
        <p:nvPicPr>
          <p:cNvPr id="10" name="Immagine 9" descr="Immagine che contiene Carattere, Elementi grafici, grafica, testo&#10;&#10;Descrizione generata automaticamente">
            <a:extLst>
              <a:ext uri="{FF2B5EF4-FFF2-40B4-BE49-F238E27FC236}">
                <a16:creationId xmlns:a16="http://schemas.microsoft.com/office/drawing/2014/main" id="{03EC3477-C32E-2B75-100D-2F65AEB85276}"/>
              </a:ext>
            </a:extLst>
          </p:cNvPr>
          <p:cNvPicPr>
            <a:picLocks noChangeAspect="1"/>
          </p:cNvPicPr>
          <p:nvPr/>
        </p:nvPicPr>
        <p:blipFill>
          <a:blip r:embed="rId6"/>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1187622810"/>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761641" y="1138265"/>
            <a:ext cx="7376519" cy="1401183"/>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400" b="1" kern="1200" dirty="0" err="1">
                <a:solidFill>
                  <a:srgbClr val="0070C0"/>
                </a:solidFill>
                <a:latin typeface="+mj-lt"/>
                <a:ea typeface="+mj-ea"/>
                <a:cs typeface="+mj-cs"/>
              </a:rPr>
              <a:t>Principali</a:t>
            </a:r>
            <a:r>
              <a:rPr lang="en-US" sz="3400" b="1" kern="1200" dirty="0">
                <a:solidFill>
                  <a:srgbClr val="0070C0"/>
                </a:solidFill>
                <a:latin typeface="+mj-lt"/>
                <a:ea typeface="+mj-ea"/>
                <a:cs typeface="+mj-cs"/>
              </a:rPr>
              <a:t> </a:t>
            </a:r>
            <a:r>
              <a:rPr lang="en-US" sz="3400" b="1" kern="1200" dirty="0" err="1">
                <a:solidFill>
                  <a:srgbClr val="0070C0"/>
                </a:solidFill>
                <a:latin typeface="+mj-lt"/>
                <a:ea typeface="+mj-ea"/>
                <a:cs typeface="+mj-cs"/>
              </a:rPr>
              <a:t>attività</a:t>
            </a:r>
            <a:r>
              <a:rPr lang="en-US" sz="3400" b="1" kern="1200" dirty="0">
                <a:solidFill>
                  <a:srgbClr val="0070C0"/>
                </a:solidFill>
                <a:latin typeface="+mj-lt"/>
                <a:ea typeface="+mj-ea"/>
                <a:cs typeface="+mj-cs"/>
              </a:rPr>
              <a:t> di </a:t>
            </a:r>
            <a:r>
              <a:rPr lang="en-US" sz="3400" b="1" kern="1200" dirty="0" err="1">
                <a:solidFill>
                  <a:srgbClr val="0070C0"/>
                </a:solidFill>
                <a:latin typeface="+mj-lt"/>
                <a:ea typeface="+mj-ea"/>
                <a:cs typeface="+mj-cs"/>
              </a:rPr>
              <a:t>chiusura</a:t>
            </a:r>
            <a:r>
              <a:rPr lang="en-US" sz="3400" b="1" kern="1200" dirty="0">
                <a:solidFill>
                  <a:srgbClr val="0070C0"/>
                </a:solidFill>
                <a:latin typeface="+mj-lt"/>
                <a:ea typeface="+mj-ea"/>
                <a:cs typeface="+mj-cs"/>
              </a:rPr>
              <a:t> </a:t>
            </a:r>
            <a:r>
              <a:rPr lang="en-US" sz="3400" b="1" kern="1200" dirty="0" err="1">
                <a:solidFill>
                  <a:srgbClr val="0070C0"/>
                </a:solidFill>
                <a:latin typeface="+mj-lt"/>
                <a:ea typeface="+mj-ea"/>
                <a:cs typeface="+mj-cs"/>
              </a:rPr>
              <a:t>contabile</a:t>
            </a:r>
            <a:endParaRPr lang="en-US" sz="3400" b="1" kern="1200" dirty="0">
              <a:solidFill>
                <a:srgbClr val="0070C0"/>
              </a:solidFill>
              <a:latin typeface="+mj-lt"/>
              <a:ea typeface="+mj-ea"/>
              <a:cs typeface="+mj-cs"/>
            </a:endParaRPr>
          </a:p>
        </p:txBody>
      </p:sp>
      <p:cxnSp>
        <p:nvCxnSpPr>
          <p:cNvPr id="28" name="Straight Connector 15">
            <a:extLst>
              <a:ext uri="{FF2B5EF4-FFF2-40B4-BE49-F238E27FC236}">
                <a16:creationId xmlns:a16="http://schemas.microsoft.com/office/drawing/2014/main" id="{FC23E3B9-5ABF-58B3-E2B0-E9A5DAA90037}"/>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861237"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9" name="Ovale 8">
            <a:extLst>
              <a:ext uri="{FF2B5EF4-FFF2-40B4-BE49-F238E27FC236}">
                <a16:creationId xmlns:a16="http://schemas.microsoft.com/office/drawing/2014/main" id="{91A0A2D9-8423-6393-2532-926E7E57CD73}"/>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dirty="0"/>
          </a:p>
        </p:txBody>
      </p:sp>
      <p:pic>
        <p:nvPicPr>
          <p:cNvPr id="12" name="Immagine 11">
            <a:extLst>
              <a:ext uri="{FF2B5EF4-FFF2-40B4-BE49-F238E27FC236}">
                <a16:creationId xmlns:a16="http://schemas.microsoft.com/office/drawing/2014/main" id="{5BBDDAB4-BC60-A9C4-73D5-EB196F21464D}"/>
              </a:ext>
            </a:extLst>
          </p:cNvPr>
          <p:cNvPicPr>
            <a:picLocks noChangeAspect="1"/>
          </p:cNvPicPr>
          <p:nvPr/>
        </p:nvPicPr>
        <p:blipFill>
          <a:blip r:embed="rId4"/>
          <a:srcRect/>
          <a:stretch/>
        </p:blipFill>
        <p:spPr>
          <a:xfrm>
            <a:off x="4391608" y="1955476"/>
            <a:ext cx="7493104" cy="3722277"/>
          </a:xfrm>
          <a:prstGeom prst="rect">
            <a:avLst/>
          </a:prstGeom>
        </p:spPr>
      </p:pic>
      <p:sp>
        <p:nvSpPr>
          <p:cNvPr id="13" name="CasellaDiTesto 12">
            <a:extLst>
              <a:ext uri="{FF2B5EF4-FFF2-40B4-BE49-F238E27FC236}">
                <a16:creationId xmlns:a16="http://schemas.microsoft.com/office/drawing/2014/main" id="{4E305C1E-A54A-5D81-BC7C-66D39267F36F}"/>
              </a:ext>
            </a:extLst>
          </p:cNvPr>
          <p:cNvSpPr txBox="1"/>
          <p:nvPr/>
        </p:nvSpPr>
        <p:spPr>
          <a:xfrm>
            <a:off x="220740" y="2119352"/>
            <a:ext cx="4554807" cy="3722277"/>
          </a:xfrm>
          <a:prstGeom prst="rect">
            <a:avLst/>
          </a:prstGeom>
        </p:spPr>
        <p:txBody>
          <a:bodyPr vert="horz" lIns="91440" tIns="45720" rIns="91440" bIns="45720" rtlCol="0">
            <a:normAutofit fontScale="47500" lnSpcReduction="20000"/>
          </a:bodyPr>
          <a:lstStyle/>
          <a:p>
            <a:pPr marL="342900" indent="-228600" algn="just">
              <a:lnSpc>
                <a:spcPct val="160000"/>
              </a:lnSpc>
              <a:spcAft>
                <a:spcPts val="600"/>
              </a:spcAft>
              <a:buFont typeface="Arial" panose="020B0604020202020204" pitchFamily="34" charset="0"/>
              <a:buChar char="•"/>
            </a:pPr>
            <a:r>
              <a:rPr lang="en-US" sz="2500" b="1" dirty="0"/>
              <a:t>ACT01</a:t>
            </a:r>
            <a:r>
              <a:rPr lang="en-US" sz="2500" dirty="0"/>
              <a:t>: </a:t>
            </a:r>
            <a:r>
              <a:rPr lang="it-IT" sz="2500" dirty="0"/>
              <a:t>registrare fatture fornitore.</a:t>
            </a:r>
          </a:p>
          <a:p>
            <a:pPr marL="342900" indent="-228600" algn="just">
              <a:lnSpc>
                <a:spcPct val="160000"/>
              </a:lnSpc>
              <a:spcAft>
                <a:spcPts val="600"/>
              </a:spcAft>
              <a:buFont typeface="Arial" panose="020B0604020202020204" pitchFamily="34" charset="0"/>
              <a:buChar char="•"/>
            </a:pPr>
            <a:r>
              <a:rPr lang="it-IT" sz="2500" b="1" dirty="0"/>
              <a:t>ACT03</a:t>
            </a:r>
            <a:r>
              <a:rPr lang="it-IT" sz="2500" dirty="0"/>
              <a:t>: registrare e accoppiare tutti i pagamenti.</a:t>
            </a:r>
          </a:p>
          <a:p>
            <a:pPr marL="342900" indent="-228600" algn="just">
              <a:lnSpc>
                <a:spcPct val="160000"/>
              </a:lnSpc>
              <a:spcAft>
                <a:spcPts val="600"/>
              </a:spcAft>
              <a:buFont typeface="Arial" panose="020B0604020202020204" pitchFamily="34" charset="0"/>
              <a:buChar char="•"/>
            </a:pPr>
            <a:r>
              <a:rPr lang="it-IT" sz="2500" b="1" dirty="0"/>
              <a:t>ACT07</a:t>
            </a:r>
            <a:r>
              <a:rPr lang="it-IT" sz="2500" dirty="0"/>
              <a:t>: registrare fatture di vendita.</a:t>
            </a:r>
          </a:p>
          <a:p>
            <a:pPr marL="342900" indent="-228600" algn="just">
              <a:lnSpc>
                <a:spcPct val="160000"/>
              </a:lnSpc>
              <a:spcAft>
                <a:spcPts val="600"/>
              </a:spcAft>
              <a:buFont typeface="Arial" panose="020B0604020202020204" pitchFamily="34" charset="0"/>
              <a:buChar char="•"/>
            </a:pPr>
            <a:r>
              <a:rPr lang="it-IT" sz="2500" b="1" dirty="0"/>
              <a:t>ACT09</a:t>
            </a:r>
            <a:r>
              <a:rPr lang="it-IT" sz="2500" dirty="0"/>
              <a:t>: registrare e accoppiare tutti i pagamenti ricevuti.</a:t>
            </a:r>
          </a:p>
          <a:p>
            <a:pPr marL="342900" indent="-228600" algn="just">
              <a:lnSpc>
                <a:spcPct val="160000"/>
              </a:lnSpc>
              <a:spcAft>
                <a:spcPts val="600"/>
              </a:spcAft>
              <a:buFont typeface="Arial" panose="020B0604020202020204" pitchFamily="34" charset="0"/>
              <a:buChar char="•"/>
            </a:pPr>
            <a:r>
              <a:rPr lang="it-IT" sz="2500" b="1" dirty="0"/>
              <a:t>ACT13</a:t>
            </a:r>
            <a:r>
              <a:rPr lang="it-IT" sz="2500" dirty="0"/>
              <a:t>: eseguire la riconciliazione bancaria.</a:t>
            </a:r>
          </a:p>
          <a:p>
            <a:pPr marL="342900" indent="-228600" algn="just">
              <a:lnSpc>
                <a:spcPct val="160000"/>
              </a:lnSpc>
              <a:spcAft>
                <a:spcPts val="600"/>
              </a:spcAft>
              <a:buFont typeface="Arial" panose="020B0604020202020204" pitchFamily="34" charset="0"/>
              <a:buChar char="•"/>
            </a:pPr>
            <a:r>
              <a:rPr lang="it-IT" sz="2500" b="1" dirty="0"/>
              <a:t>ACT15</a:t>
            </a:r>
            <a:r>
              <a:rPr lang="it-IT" sz="2500" dirty="0"/>
              <a:t>: registrare acquisizioni (e correzioni) di cespiti.</a:t>
            </a:r>
          </a:p>
          <a:p>
            <a:pPr marL="342900" indent="-228600" algn="just">
              <a:lnSpc>
                <a:spcPct val="160000"/>
              </a:lnSpc>
              <a:spcAft>
                <a:spcPts val="600"/>
              </a:spcAft>
              <a:buFont typeface="Arial" panose="020B0604020202020204" pitchFamily="34" charset="0"/>
              <a:buChar char="•"/>
            </a:pPr>
            <a:r>
              <a:rPr lang="it-IT" sz="2500" b="1" dirty="0"/>
              <a:t>ACT17</a:t>
            </a:r>
            <a:r>
              <a:rPr lang="it-IT" sz="2500" dirty="0"/>
              <a:t>: eseguire l'ammortamento dei cespiti del mese.</a:t>
            </a:r>
          </a:p>
          <a:p>
            <a:pPr marL="342900" indent="-228600" algn="just">
              <a:lnSpc>
                <a:spcPct val="160000"/>
              </a:lnSpc>
              <a:spcAft>
                <a:spcPts val="600"/>
              </a:spcAft>
              <a:buFont typeface="Arial" panose="020B0604020202020204" pitchFamily="34" charset="0"/>
              <a:buChar char="•"/>
            </a:pPr>
            <a:r>
              <a:rPr lang="it-IT" sz="2500" b="1" dirty="0"/>
              <a:t>ACT32</a:t>
            </a:r>
            <a:r>
              <a:rPr lang="it-IT" sz="2500" dirty="0"/>
              <a:t>: registrare le scritture di assestamento.</a:t>
            </a:r>
          </a:p>
          <a:p>
            <a:pPr marL="342900" indent="-228600" algn="just">
              <a:lnSpc>
                <a:spcPct val="160000"/>
              </a:lnSpc>
              <a:spcAft>
                <a:spcPts val="600"/>
              </a:spcAft>
              <a:buFont typeface="Arial" panose="020B0604020202020204" pitchFamily="34" charset="0"/>
              <a:buChar char="•"/>
            </a:pPr>
            <a:r>
              <a:rPr lang="it-IT" sz="2500" b="1" dirty="0"/>
              <a:t>ACT34</a:t>
            </a:r>
            <a:r>
              <a:rPr lang="it-IT" sz="2500" dirty="0"/>
              <a:t>: registrare le allocazioni.</a:t>
            </a:r>
            <a:endParaRPr lang="it-IT" sz="2500" b="1" dirty="0"/>
          </a:p>
          <a:p>
            <a:pPr marL="342900" indent="-228600" algn="just">
              <a:lnSpc>
                <a:spcPct val="160000"/>
              </a:lnSpc>
              <a:spcAft>
                <a:spcPts val="600"/>
              </a:spcAft>
              <a:buFont typeface="Arial" panose="020B0604020202020204" pitchFamily="34" charset="0"/>
              <a:buChar char="•"/>
            </a:pPr>
            <a:r>
              <a:rPr lang="it-IT" sz="2500" b="1" dirty="0"/>
              <a:t>ACT44</a:t>
            </a:r>
            <a:r>
              <a:rPr lang="it-IT" sz="2500" dirty="0"/>
              <a:t>: eseguire la chiusura dell'anno fiscale.</a:t>
            </a:r>
            <a:endParaRPr lang="en-US" sz="2500" dirty="0"/>
          </a:p>
          <a:p>
            <a:pPr marL="285750" indent="-228600">
              <a:lnSpc>
                <a:spcPct val="90000"/>
              </a:lnSpc>
              <a:spcAft>
                <a:spcPts val="600"/>
              </a:spcAft>
              <a:buFont typeface="Arial" panose="020B0604020202020204" pitchFamily="34" charset="0"/>
              <a:buChar char="•"/>
            </a:pPr>
            <a:endParaRPr lang="en-US" sz="1600" dirty="0"/>
          </a:p>
        </p:txBody>
      </p:sp>
      <p:sp>
        <p:nvSpPr>
          <p:cNvPr id="14" name="CasellaDiTesto 13">
            <a:extLst>
              <a:ext uri="{FF2B5EF4-FFF2-40B4-BE49-F238E27FC236}">
                <a16:creationId xmlns:a16="http://schemas.microsoft.com/office/drawing/2014/main" id="{FFB0FA50-DFE1-2B26-7E26-39C07CB24E1B}"/>
              </a:ext>
            </a:extLst>
          </p:cNvPr>
          <p:cNvSpPr txBox="1"/>
          <p:nvPr/>
        </p:nvSpPr>
        <p:spPr>
          <a:xfrm>
            <a:off x="5012912" y="5667234"/>
            <a:ext cx="6250496" cy="276999"/>
          </a:xfrm>
          <a:prstGeom prst="rect">
            <a:avLst/>
          </a:prstGeom>
          <a:noFill/>
        </p:spPr>
        <p:txBody>
          <a:bodyPr wrap="square" rtlCol="0">
            <a:spAutoFit/>
          </a:bodyPr>
          <a:lstStyle/>
          <a:p>
            <a:pPr algn="ctr"/>
            <a:r>
              <a:rPr lang="it-IT" sz="1200" dirty="0"/>
              <a:t>Numero di transazioni per ogni attività di closing dal 01/01/2020 al 30/04/2023</a:t>
            </a:r>
          </a:p>
        </p:txBody>
      </p:sp>
      <p:pic>
        <p:nvPicPr>
          <p:cNvPr id="15" name="Immagine 14" descr="Immagine che contiene Carattere, Elementi grafici, grafica, testo&#10;&#10;Descrizione generata automaticamente">
            <a:extLst>
              <a:ext uri="{FF2B5EF4-FFF2-40B4-BE49-F238E27FC236}">
                <a16:creationId xmlns:a16="http://schemas.microsoft.com/office/drawing/2014/main" id="{C15C63B5-70C9-9D68-4C86-19F6FECBAEC1}"/>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66003372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5" name="Rectangle 14">
            <a:extLst>
              <a:ext uri="{FF2B5EF4-FFF2-40B4-BE49-F238E27FC236}">
                <a16:creationId xmlns:a16="http://schemas.microsoft.com/office/drawing/2014/main" id="{2550BE34-C2B8-49B8-8519-67A8CAD51AE9}"/>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7" name="Rectangle 16">
            <a:extLst>
              <a:ext uri="{FF2B5EF4-FFF2-40B4-BE49-F238E27FC236}">
                <a16:creationId xmlns:a16="http://schemas.microsoft.com/office/drawing/2014/main" id="{A7457DD9-5A45-400A-AB4B-4B4EDECA25F1}"/>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54271" y="365125"/>
            <a:ext cx="11164539" cy="2089317"/>
          </a:xfrm>
          <a:prstGeom prst="rect">
            <a:avLst/>
          </a:prstGeom>
          <a:ln w="12700">
            <a:solidFill>
              <a:srgbClr val="DEDEDE"/>
            </a:solidFill>
          </a:ln>
          <a:effectLst>
            <a:outerShdw blurRad="50800" dist="38100" dir="2700000" algn="tl" rotWithShape="0">
              <a:schemeClr val="bg2">
                <a:lumMod val="85000"/>
                <a:alpha val="50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FC9B4B2C-A23A-2C66-4E9D-EE249BFA92C5}"/>
              </a:ext>
            </a:extLst>
          </p:cNvPr>
          <p:cNvSpPr txBox="1"/>
          <p:nvPr/>
        </p:nvSpPr>
        <p:spPr>
          <a:xfrm>
            <a:off x="1046473" y="586822"/>
            <a:ext cx="3616650" cy="1645920"/>
          </a:xfrm>
          <a:prstGeom prst="rect">
            <a:avLst/>
          </a:prstGeom>
        </p:spPr>
        <p:txBody>
          <a:bodyPr vert="horz" lIns="91440" tIns="45720" rIns="91440" bIns="45720" rtlCol="0" anchor="ctr">
            <a:normAutofit fontScale="85000" lnSpcReduction="10000"/>
          </a:bodyPr>
          <a:lstStyle/>
          <a:p>
            <a:pPr fontAlgn="base">
              <a:lnSpc>
                <a:spcPct val="150000"/>
              </a:lnSpc>
              <a:spcBef>
                <a:spcPct val="0"/>
              </a:spcBef>
              <a:spcAft>
                <a:spcPts val="600"/>
              </a:spcAft>
            </a:pPr>
            <a:r>
              <a:rPr lang="en-US" sz="3200" b="1" kern="1200" dirty="0">
                <a:solidFill>
                  <a:srgbClr val="0070C0"/>
                </a:solidFill>
                <a:latin typeface="+mj-lt"/>
                <a:ea typeface="+mj-ea"/>
                <a:cs typeface="+mj-cs"/>
              </a:rPr>
              <a:t>Forecasting: </a:t>
            </a:r>
            <a:r>
              <a:rPr lang="en-US" sz="3200" b="1" kern="1200" dirty="0" err="1">
                <a:solidFill>
                  <a:srgbClr val="0070C0"/>
                </a:solidFill>
                <a:latin typeface="+mj-lt"/>
                <a:ea typeface="+mj-ea"/>
                <a:cs typeface="+mj-cs"/>
              </a:rPr>
              <a:t>previsione</a:t>
            </a:r>
            <a:r>
              <a:rPr lang="en-US" sz="3200" b="1" kern="1200" dirty="0">
                <a:solidFill>
                  <a:srgbClr val="0070C0"/>
                </a:solidFill>
                <a:latin typeface="+mj-lt"/>
                <a:ea typeface="+mj-ea"/>
                <a:cs typeface="+mj-cs"/>
              </a:rPr>
              <a:t> di </a:t>
            </a:r>
            <a:r>
              <a:rPr lang="en-US" sz="3200" b="1" kern="1200" dirty="0" err="1">
                <a:solidFill>
                  <a:srgbClr val="0070C0"/>
                </a:solidFill>
                <a:latin typeface="+mj-lt"/>
                <a:ea typeface="+mj-ea"/>
                <a:cs typeface="+mj-cs"/>
              </a:rPr>
              <a:t>serie</a:t>
            </a:r>
            <a:r>
              <a:rPr lang="en-US" sz="3200" b="1" kern="1200" dirty="0">
                <a:solidFill>
                  <a:srgbClr val="0070C0"/>
                </a:solidFill>
                <a:latin typeface="+mj-lt"/>
                <a:ea typeface="+mj-ea"/>
                <a:cs typeface="+mj-cs"/>
              </a:rPr>
              <a:t> </a:t>
            </a:r>
            <a:r>
              <a:rPr lang="en-US" sz="3200" b="1" kern="1200" dirty="0" err="1">
                <a:solidFill>
                  <a:srgbClr val="0070C0"/>
                </a:solidFill>
                <a:latin typeface="+mj-lt"/>
                <a:ea typeface="+mj-ea"/>
                <a:cs typeface="+mj-cs"/>
              </a:rPr>
              <a:t>temporali</a:t>
            </a:r>
            <a:endParaRPr lang="en-US" sz="3200" b="1" kern="1200" dirty="0">
              <a:solidFill>
                <a:srgbClr val="0070C0"/>
              </a:solidFill>
              <a:latin typeface="+mj-lt"/>
              <a:ea typeface="+mj-ea"/>
              <a:cs typeface="+mj-cs"/>
            </a:endParaRPr>
          </a:p>
        </p:txBody>
      </p:sp>
      <p:sp>
        <p:nvSpPr>
          <p:cNvPr id="19" name="Rectangle 18">
            <a:extLst>
              <a:ext uri="{FF2B5EF4-FFF2-40B4-BE49-F238E27FC236}">
                <a16:creationId xmlns:a16="http://schemas.microsoft.com/office/drawing/2014/main" id="{441CF7D6-A660-431A-B0BB-140A0D5556B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490280" y="1057739"/>
            <a:ext cx="127982" cy="70408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prstClr val="white"/>
              </a:solidFill>
              <a:latin typeface="Calibri" panose="020F0502020204030204"/>
            </a:endParaRPr>
          </a:p>
        </p:txBody>
      </p:sp>
      <p:sp>
        <p:nvSpPr>
          <p:cNvPr id="21" name="Rectangle 20">
            <a:extLst>
              <a:ext uri="{FF2B5EF4-FFF2-40B4-BE49-F238E27FC236}">
                <a16:creationId xmlns:a16="http://schemas.microsoft.com/office/drawing/2014/main" id="{0570A85B-3810-4F95-97B0-CBF4CCDB381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400000">
            <a:off x="4242245" y="1400640"/>
            <a:ext cx="1463040" cy="18283"/>
          </a:xfrm>
          <a:prstGeom prst="rect">
            <a:avLst/>
          </a:prstGeom>
          <a:solidFill>
            <a:srgbClr val="D5D5D5"/>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latin typeface="Calibri" panose="020F0502020204030204"/>
            </a:endParaRPr>
          </a:p>
        </p:txBody>
      </p:sp>
      <p:sp>
        <p:nvSpPr>
          <p:cNvPr id="4" name="CasellaDiTesto 3">
            <a:extLst>
              <a:ext uri="{FF2B5EF4-FFF2-40B4-BE49-F238E27FC236}">
                <a16:creationId xmlns:a16="http://schemas.microsoft.com/office/drawing/2014/main" id="{45F7C8E4-71DE-A882-9DBE-B2C3FD3F0B9E}"/>
              </a:ext>
            </a:extLst>
          </p:cNvPr>
          <p:cNvSpPr txBox="1"/>
          <p:nvPr/>
        </p:nvSpPr>
        <p:spPr>
          <a:xfrm>
            <a:off x="5349770" y="586822"/>
            <a:ext cx="6001073" cy="1645920"/>
          </a:xfrm>
          <a:prstGeom prst="rect">
            <a:avLst/>
          </a:prstGeom>
        </p:spPr>
        <p:txBody>
          <a:bodyPr vert="horz" lIns="91440" tIns="45720" rIns="91440" bIns="45720" rtlCol="0" anchor="ctr">
            <a:normAutofit/>
          </a:bodyPr>
          <a:lstStyle/>
          <a:p>
            <a:pPr algn="just">
              <a:lnSpc>
                <a:spcPct val="150000"/>
              </a:lnSpc>
              <a:spcAft>
                <a:spcPts val="600"/>
              </a:spcAft>
            </a:pPr>
            <a:endParaRPr lang="en-US" sz="1600" dirty="0"/>
          </a:p>
          <a:p>
            <a:pPr marL="285750" indent="-228600">
              <a:lnSpc>
                <a:spcPct val="90000"/>
              </a:lnSpc>
              <a:spcAft>
                <a:spcPts val="600"/>
              </a:spcAft>
              <a:buFont typeface="Arial" panose="020B0604020202020204" pitchFamily="34" charset="0"/>
              <a:buChar char="•"/>
            </a:pPr>
            <a:endParaRPr lang="en-US" dirty="0"/>
          </a:p>
          <a:p>
            <a:pPr marL="285750" indent="-228600">
              <a:lnSpc>
                <a:spcPct val="90000"/>
              </a:lnSpc>
              <a:spcAft>
                <a:spcPts val="600"/>
              </a:spcAft>
              <a:buFont typeface="Arial" panose="020B0604020202020204" pitchFamily="34" charset="0"/>
              <a:buChar char="•"/>
            </a:pPr>
            <a:endParaRPr lang="en-US" dirty="0"/>
          </a:p>
        </p:txBody>
      </p:sp>
      <p:sp>
        <p:nvSpPr>
          <p:cNvPr id="2" name="Holder 2">
            <a:extLst>
              <a:ext uri="{FF2B5EF4-FFF2-40B4-BE49-F238E27FC236}">
                <a16:creationId xmlns:a16="http://schemas.microsoft.com/office/drawing/2014/main" id="{FC789F23-8292-EB8D-9725-826CE259F97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6B3BB00-6031-2007-BF9D-D7DF6DB8349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74CC0820-4E4C-458E-B3DB-5FBAB1B92263}"/>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23D32489-C744-89DC-27FA-2738A03F933F}"/>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8794861B-E5AF-E1B2-ED10-554C9901ED04}"/>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11" name="Immagine 10" descr="Immagine che contiene testo, Carattere, linea, Diagramma&#10;&#10;Descrizione generata automaticamente">
            <a:extLst>
              <a:ext uri="{FF2B5EF4-FFF2-40B4-BE49-F238E27FC236}">
                <a16:creationId xmlns:a16="http://schemas.microsoft.com/office/drawing/2014/main" id="{86397A77-49ED-07B3-0019-1161740D9DD7}"/>
              </a:ext>
            </a:extLst>
          </p:cNvPr>
          <p:cNvPicPr>
            <a:picLocks noChangeAspect="1"/>
          </p:cNvPicPr>
          <p:nvPr/>
        </p:nvPicPr>
        <p:blipFill>
          <a:blip r:embed="rId4"/>
          <a:stretch>
            <a:fillRect/>
          </a:stretch>
        </p:blipFill>
        <p:spPr>
          <a:xfrm>
            <a:off x="2185025" y="2927515"/>
            <a:ext cx="7903029" cy="3197941"/>
          </a:xfrm>
          <a:prstGeom prst="rect">
            <a:avLst/>
          </a:prstGeom>
        </p:spPr>
      </p:pic>
      <p:sp>
        <p:nvSpPr>
          <p:cNvPr id="12" name="CasellaDiTesto 11">
            <a:extLst>
              <a:ext uri="{FF2B5EF4-FFF2-40B4-BE49-F238E27FC236}">
                <a16:creationId xmlns:a16="http://schemas.microsoft.com/office/drawing/2014/main" id="{4DA15A6C-C7E8-88BA-03A4-B12C9A2D0471}"/>
              </a:ext>
            </a:extLst>
          </p:cNvPr>
          <p:cNvSpPr txBox="1"/>
          <p:nvPr/>
        </p:nvSpPr>
        <p:spPr>
          <a:xfrm>
            <a:off x="5502170" y="739222"/>
            <a:ext cx="6001073" cy="1645920"/>
          </a:xfrm>
          <a:prstGeom prst="rect">
            <a:avLst/>
          </a:prstGeom>
        </p:spPr>
        <p:txBody>
          <a:bodyPr vert="horz" lIns="91440" tIns="45720" rIns="91440" bIns="45720" rtlCol="0" anchor="ctr">
            <a:normAutofit/>
          </a:bodyPr>
          <a:lstStyle/>
          <a:p>
            <a:pPr marL="285750" indent="-228600">
              <a:lnSpc>
                <a:spcPct val="90000"/>
              </a:lnSpc>
              <a:spcAft>
                <a:spcPts val="600"/>
              </a:spcAft>
              <a:buFont typeface="Arial" panose="020B0604020202020204" pitchFamily="34" charset="0"/>
              <a:buChar char="•"/>
            </a:pPr>
            <a:endParaRPr lang="en-US" dirty="0"/>
          </a:p>
          <a:p>
            <a:pPr marL="285750" indent="-228600">
              <a:lnSpc>
                <a:spcPct val="90000"/>
              </a:lnSpc>
              <a:spcAft>
                <a:spcPts val="600"/>
              </a:spcAft>
              <a:buFont typeface="Arial" panose="020B0604020202020204" pitchFamily="34" charset="0"/>
              <a:buChar char="•"/>
            </a:pPr>
            <a:endParaRPr lang="en-US" dirty="0"/>
          </a:p>
        </p:txBody>
      </p:sp>
      <p:sp>
        <p:nvSpPr>
          <p:cNvPr id="14" name="CasellaDiTesto 13">
            <a:extLst>
              <a:ext uri="{FF2B5EF4-FFF2-40B4-BE49-F238E27FC236}">
                <a16:creationId xmlns:a16="http://schemas.microsoft.com/office/drawing/2014/main" id="{F88BE75F-0FFE-4E65-C07E-BDACA173EA65}"/>
              </a:ext>
            </a:extLst>
          </p:cNvPr>
          <p:cNvSpPr txBox="1"/>
          <p:nvPr/>
        </p:nvSpPr>
        <p:spPr>
          <a:xfrm>
            <a:off x="5247402" y="509125"/>
            <a:ext cx="6234741" cy="2169825"/>
          </a:xfrm>
          <a:prstGeom prst="rect">
            <a:avLst/>
          </a:prstGeom>
          <a:noFill/>
        </p:spPr>
        <p:txBody>
          <a:bodyPr wrap="square">
            <a:spAutoFit/>
          </a:bodyPr>
          <a:lstStyle/>
          <a:p>
            <a:pPr marL="285750" indent="-285750" algn="just">
              <a:lnSpc>
                <a:spcPct val="150000"/>
              </a:lnSpc>
              <a:buFont typeface="Arial" panose="020B0604020202020204" pitchFamily="34" charset="0"/>
              <a:buChar char="•"/>
            </a:pPr>
            <a:r>
              <a:rPr lang="it-IT" sz="1300" dirty="0"/>
              <a:t>Una </a:t>
            </a:r>
            <a:r>
              <a:rPr lang="it-IT" sz="1300" b="1" dirty="0"/>
              <a:t>serie temporale</a:t>
            </a:r>
            <a:r>
              <a:rPr lang="it-IT" sz="1300" dirty="0"/>
              <a:t> è un insieme di dati ordinati cronologicamente, rappresentando l'evoluzione di una variabile nel tempo.</a:t>
            </a:r>
          </a:p>
          <a:p>
            <a:pPr marL="285750" indent="-285750" algn="just">
              <a:lnSpc>
                <a:spcPct val="150000"/>
              </a:lnSpc>
              <a:buFont typeface="Arial" panose="020B0604020202020204" pitchFamily="34" charset="0"/>
              <a:buChar char="•"/>
            </a:pPr>
            <a:endParaRPr lang="it-IT" sz="1300" dirty="0"/>
          </a:p>
          <a:p>
            <a:pPr marL="285750" indent="-285750" algn="just">
              <a:lnSpc>
                <a:spcPct val="150000"/>
              </a:lnSpc>
              <a:buFont typeface="Arial" panose="020B0604020202020204" pitchFamily="34" charset="0"/>
              <a:buChar char="•"/>
            </a:pPr>
            <a:r>
              <a:rPr lang="it-IT" sz="1300" dirty="0"/>
              <a:t>L'obiettivo principale del </a:t>
            </a:r>
            <a:r>
              <a:rPr lang="it-IT" sz="1300" b="1" dirty="0"/>
              <a:t>forecasting</a:t>
            </a:r>
            <a:r>
              <a:rPr lang="it-IT" sz="1300" dirty="0"/>
              <a:t> è prevedere il valore futuro di una variabile in un certo orizzonte temporale, utilizzando dati storici e modelli statistici o di machine learning.</a:t>
            </a:r>
          </a:p>
          <a:p>
            <a:pPr marL="285750" indent="-285750" algn="just">
              <a:buFont typeface="Arial" panose="020B0604020202020204" pitchFamily="34" charset="0"/>
              <a:buChar char="•"/>
            </a:pPr>
            <a:endParaRPr lang="it-IT" dirty="0"/>
          </a:p>
        </p:txBody>
      </p:sp>
      <p:pic>
        <p:nvPicPr>
          <p:cNvPr id="16" name="Immagine 15" descr="Immagine che contiene Carattere, Elementi grafici, grafica, testo&#10;&#10;Descrizione generata automaticamente">
            <a:extLst>
              <a:ext uri="{FF2B5EF4-FFF2-40B4-BE49-F238E27FC236}">
                <a16:creationId xmlns:a16="http://schemas.microsoft.com/office/drawing/2014/main" id="{839351CF-C1BF-5362-0A1F-A927E388F43A}"/>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4202221344"/>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Implementazione</a:t>
            </a:r>
            <a:r>
              <a:rPr lang="en-US" sz="6000" b="1" kern="1200" dirty="0">
                <a:solidFill>
                  <a:srgbClr val="0070C0"/>
                </a:solidFill>
                <a:latin typeface="Brown"/>
                <a:ea typeface="+mj-ea"/>
                <a:cs typeface="+mj-cs"/>
              </a:rPr>
              <a:t> del </a:t>
            </a:r>
            <a:r>
              <a:rPr lang="en-US" sz="6000" b="1" kern="1200" dirty="0" err="1">
                <a:solidFill>
                  <a:srgbClr val="0070C0"/>
                </a:solidFill>
                <a:latin typeface="Brown"/>
                <a:ea typeface="+mj-ea"/>
                <a:cs typeface="+mj-cs"/>
              </a:rPr>
              <a:t>sistema</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9E390A6D-4089-AC9F-6254-2FCBD3908438}"/>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2763936183"/>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E54D546C-52E9-B7F5-4930-836544E1F894}"/>
              </a:ext>
            </a:extLst>
          </p:cNvPr>
          <p:cNvSpPr txBox="1"/>
          <p:nvPr/>
        </p:nvSpPr>
        <p:spPr>
          <a:xfrm>
            <a:off x="5754099" y="1138036"/>
            <a:ext cx="5596744" cy="1402470"/>
          </a:xfrm>
          <a:prstGeom prst="rect">
            <a:avLst/>
          </a:prstGeom>
        </p:spPr>
        <p:txBody>
          <a:bodyPr vert="horz" lIns="91440" tIns="45720" rIns="91440" bIns="45720" rtlCol="0" anchor="t">
            <a:normAutofit/>
          </a:bodyPr>
          <a:lstStyle/>
          <a:p>
            <a:pPr fontAlgn="base">
              <a:lnSpc>
                <a:spcPct val="90000"/>
              </a:lnSpc>
              <a:spcBef>
                <a:spcPct val="0"/>
              </a:spcBef>
              <a:spcAft>
                <a:spcPts val="600"/>
              </a:spcAft>
            </a:pPr>
            <a:r>
              <a:rPr lang="en-US" sz="3600" b="1" kern="1200" dirty="0">
                <a:solidFill>
                  <a:srgbClr val="0070C0"/>
                </a:solidFill>
                <a:latin typeface="+mj-lt"/>
                <a:ea typeface="+mj-ea"/>
                <a:cs typeface="+mj-cs"/>
              </a:rPr>
              <a:t>Fasi </a:t>
            </a:r>
            <a:r>
              <a:rPr lang="en-US" sz="3600" b="1" kern="1200" dirty="0" err="1">
                <a:solidFill>
                  <a:srgbClr val="0070C0"/>
                </a:solidFill>
                <a:latin typeface="+mj-lt"/>
                <a:ea typeface="+mj-ea"/>
                <a:cs typeface="+mj-cs"/>
              </a:rPr>
              <a:t>principali</a:t>
            </a:r>
            <a:endParaRPr lang="en-US" sz="3600" b="1" kern="1200" dirty="0">
              <a:solidFill>
                <a:srgbClr val="0070C0"/>
              </a:solidFill>
              <a:latin typeface="+mj-lt"/>
              <a:ea typeface="+mj-ea"/>
              <a:cs typeface="+mj-cs"/>
            </a:endParaRPr>
          </a:p>
        </p:txBody>
      </p:sp>
      <p:pic>
        <p:nvPicPr>
          <p:cNvPr id="10" name="Immagine 9">
            <a:extLst>
              <a:ext uri="{FF2B5EF4-FFF2-40B4-BE49-F238E27FC236}">
                <a16:creationId xmlns:a16="http://schemas.microsoft.com/office/drawing/2014/main" id="{90CE2CAD-5CF6-7F8C-0C1E-3EEABBF3F18E}"/>
              </a:ext>
            </a:extLst>
          </p:cNvPr>
          <p:cNvPicPr>
            <a:picLocks noChangeAspect="1"/>
          </p:cNvPicPr>
          <p:nvPr/>
        </p:nvPicPr>
        <p:blipFill>
          <a:blip r:embed="rId3"/>
          <a:stretch>
            <a:fillRect/>
          </a:stretch>
        </p:blipFill>
        <p:spPr>
          <a:xfrm>
            <a:off x="725462" y="2811510"/>
            <a:ext cx="4364301" cy="1600740"/>
          </a:xfrm>
          <a:prstGeom prst="rect">
            <a:avLst/>
          </a:prstGeom>
        </p:spPr>
      </p:pic>
      <p:cxnSp>
        <p:nvCxnSpPr>
          <p:cNvPr id="28" name="Straight Connector 27">
            <a:extLst>
              <a:ext uri="{FF2B5EF4-FFF2-40B4-BE49-F238E27FC236}">
                <a16:creationId xmlns:a16="http://schemas.microsoft.com/office/drawing/2014/main" id="{1503BFE4-729B-D9D0-C17B-501E6AF1127A}"/>
              </a:ext>
              <a:ext uri="{C183D7F6-B498-43B3-948B-1728B52AA6E4}">
                <adec:decorative xmlns:adec="http://schemas.microsoft.com/office/drawing/2017/decorative" val="1"/>
              </a:ext>
            </a:extLst>
          </p:cNvPr>
          <p:cNvCxnSpPr>
            <a:cxnSpLocks noGrp="1" noRot="1" noChangeAspect="1" noMove="1" noResize="1" noEditPoints="1" noAdjustHandles="1" noChangeArrowheads="1" noChangeShapeType="1"/>
          </p:cNvCxnSpPr>
          <p:nvPr>
            <p:extLst>
              <p:ext uri="{386F3935-93C4-4BCD-93E2-E3B085C9AB24}">
                <p16:designElem xmlns:p16="http://schemas.microsoft.com/office/powerpoint/2015/main" val="1"/>
              </p:ext>
            </p:extLst>
          </p:nvPr>
        </p:nvCxnSpPr>
        <p:spPr>
          <a:xfrm>
            <a:off x="5857212" y="871146"/>
            <a:ext cx="736747" cy="0"/>
          </a:xfrm>
          <a:prstGeom prst="line">
            <a:avLst/>
          </a:prstGeom>
          <a:ln w="57150">
            <a:solidFill>
              <a:schemeClr val="accent4"/>
            </a:solidFill>
          </a:ln>
        </p:spPr>
        <p:style>
          <a:lnRef idx="1">
            <a:schemeClr val="accent1"/>
          </a:lnRef>
          <a:fillRef idx="0">
            <a:schemeClr val="accent1"/>
          </a:fillRef>
          <a:effectRef idx="0">
            <a:schemeClr val="accent1"/>
          </a:effectRef>
          <a:fontRef idx="minor">
            <a:schemeClr val="tx1"/>
          </a:fontRef>
        </p:style>
      </p:cxn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6" name="Ovale 15">
            <a:extLst>
              <a:ext uri="{FF2B5EF4-FFF2-40B4-BE49-F238E27FC236}">
                <a16:creationId xmlns:a16="http://schemas.microsoft.com/office/drawing/2014/main" id="{1608097D-30AF-ADE1-6673-86FF4C28B547}"/>
              </a:ext>
            </a:extLst>
          </p:cNvPr>
          <p:cNvSpPr/>
          <p:nvPr/>
        </p:nvSpPr>
        <p:spPr>
          <a:xfrm>
            <a:off x="11384280" y="6487712"/>
            <a:ext cx="512064" cy="258578"/>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graphicFrame>
        <p:nvGraphicFramePr>
          <p:cNvPr id="4" name="Diagramma 3">
            <a:extLst>
              <a:ext uri="{FF2B5EF4-FFF2-40B4-BE49-F238E27FC236}">
                <a16:creationId xmlns:a16="http://schemas.microsoft.com/office/drawing/2014/main" id="{C5ACD262-AF69-061C-F9FE-C5D2258E0758}"/>
              </a:ext>
            </a:extLst>
          </p:cNvPr>
          <p:cNvGraphicFramePr/>
          <p:nvPr>
            <p:extLst>
              <p:ext uri="{D42A27DB-BD31-4B8C-83A1-F6EECF244321}">
                <p14:modId xmlns:p14="http://schemas.microsoft.com/office/powerpoint/2010/main" val="1740463900"/>
              </p:ext>
            </p:extLst>
          </p:nvPr>
        </p:nvGraphicFramePr>
        <p:xfrm>
          <a:off x="5639049" y="1935295"/>
          <a:ext cx="6001263" cy="4441599"/>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
        <p:nvSpPr>
          <p:cNvPr id="11" name="CasellaDiTesto 10">
            <a:extLst>
              <a:ext uri="{FF2B5EF4-FFF2-40B4-BE49-F238E27FC236}">
                <a16:creationId xmlns:a16="http://schemas.microsoft.com/office/drawing/2014/main" id="{66C7FE5D-4EAA-8B38-675D-458655796F08}"/>
              </a:ext>
            </a:extLst>
          </p:cNvPr>
          <p:cNvSpPr txBox="1"/>
          <p:nvPr/>
        </p:nvSpPr>
        <p:spPr>
          <a:xfrm>
            <a:off x="1926413" y="4412250"/>
            <a:ext cx="1962397" cy="276999"/>
          </a:xfrm>
          <a:prstGeom prst="rect">
            <a:avLst/>
          </a:prstGeom>
          <a:noFill/>
        </p:spPr>
        <p:txBody>
          <a:bodyPr wrap="none" rtlCol="0">
            <a:spAutoFit/>
          </a:bodyPr>
          <a:lstStyle/>
          <a:p>
            <a:pPr algn="ctr"/>
            <a:r>
              <a:rPr lang="it-IT" sz="1100" dirty="0"/>
              <a:t>Prime </a:t>
            </a:r>
            <a:r>
              <a:rPr lang="it-IT" sz="1200" dirty="0"/>
              <a:t>cinque</a:t>
            </a:r>
            <a:r>
              <a:rPr lang="it-IT" sz="1100" dirty="0"/>
              <a:t> righe del dataset</a:t>
            </a:r>
          </a:p>
        </p:txBody>
      </p:sp>
      <p:pic>
        <p:nvPicPr>
          <p:cNvPr id="12" name="Immagine 11" descr="Immagine che contiene Carattere, Elementi grafici, grafica, testo&#10;&#10;Descrizione generata automaticamente">
            <a:extLst>
              <a:ext uri="{FF2B5EF4-FFF2-40B4-BE49-F238E27FC236}">
                <a16:creationId xmlns:a16="http://schemas.microsoft.com/office/drawing/2014/main" id="{8AED5A2F-79DD-DDE1-6007-4A6FA5B845E5}"/>
              </a:ext>
            </a:extLst>
          </p:cNvPr>
          <p:cNvPicPr>
            <a:picLocks noChangeAspect="1"/>
          </p:cNvPicPr>
          <p:nvPr/>
        </p:nvPicPr>
        <p:blipFill>
          <a:blip r:embed="rId10"/>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875604667"/>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13" name="Rectangle 12">
            <a:extLst>
              <a:ext uri="{FF2B5EF4-FFF2-40B4-BE49-F238E27FC236}">
                <a16:creationId xmlns:a16="http://schemas.microsoft.com/office/drawing/2014/main" id="{FFD48BC7-DC40-47DE-87EE-9F4B6ECB9AB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useBgFill="1">
        <p:nvSpPr>
          <p:cNvPr id="15" name="Freeform: Shape 14">
            <a:extLst>
              <a:ext uri="{FF2B5EF4-FFF2-40B4-BE49-F238E27FC236}">
                <a16:creationId xmlns:a16="http://schemas.microsoft.com/office/drawing/2014/main" id="{E502BBC7-2C76-46F3-BC24-5985BC13DB8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14134" y="0"/>
            <a:ext cx="9960556"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solidFill>
              <a:srgbClr val="EFEFEF"/>
            </a:solidFill>
          </a:ln>
          <a:effectLst>
            <a:outerShdw blurRad="139700" sx="102000" sy="102000" algn="ctr" rotWithShape="0">
              <a:schemeClr val="bg1">
                <a:lumMod val="85000"/>
                <a:alpha val="38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useBgFill="1">
        <p:nvSpPr>
          <p:cNvPr id="17" name="Freeform: Shape 16">
            <a:extLst>
              <a:ext uri="{FF2B5EF4-FFF2-40B4-BE49-F238E27FC236}">
                <a16:creationId xmlns:a16="http://schemas.microsoft.com/office/drawing/2014/main" id="{C7F28D52-2A5F-4D23-81AE-7CB8B591C7A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121371" y="0"/>
            <a:ext cx="9946082" cy="6858000"/>
          </a:xfrm>
          <a:custGeom>
            <a:avLst/>
            <a:gdLst>
              <a:gd name="connsiteX0" fmla="*/ 1595771 w 9963150"/>
              <a:gd name="connsiteY0" fmla="*/ 0 h 6858000"/>
              <a:gd name="connsiteX1" fmla="*/ 8367379 w 9963150"/>
              <a:gd name="connsiteY1" fmla="*/ 0 h 6858000"/>
              <a:gd name="connsiteX2" fmla="*/ 8504080 w 9963150"/>
              <a:gd name="connsiteY2" fmla="*/ 130333 h 6858000"/>
              <a:gd name="connsiteX3" fmla="*/ 9963150 w 9963150"/>
              <a:gd name="connsiteY3" fmla="*/ 3652838 h 6858000"/>
              <a:gd name="connsiteX4" fmla="*/ 8825600 w 9963150"/>
              <a:gd name="connsiteY4" fmla="*/ 6821583 h 6858000"/>
              <a:gd name="connsiteX5" fmla="*/ 8794055 w 9963150"/>
              <a:gd name="connsiteY5" fmla="*/ 6858000 h 6858000"/>
              <a:gd name="connsiteX6" fmla="*/ 1169096 w 9963150"/>
              <a:gd name="connsiteY6" fmla="*/ 6858000 h 6858000"/>
              <a:gd name="connsiteX7" fmla="*/ 1137550 w 9963150"/>
              <a:gd name="connsiteY7" fmla="*/ 6821583 h 6858000"/>
              <a:gd name="connsiteX8" fmla="*/ 0 w 9963150"/>
              <a:gd name="connsiteY8" fmla="*/ 3652838 h 6858000"/>
              <a:gd name="connsiteX9" fmla="*/ 1459070 w 9963150"/>
              <a:gd name="connsiteY9" fmla="*/ 130333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9963150" h="6858000">
                <a:moveTo>
                  <a:pt x="1595771" y="0"/>
                </a:moveTo>
                <a:lnTo>
                  <a:pt x="8367379" y="0"/>
                </a:lnTo>
                <a:lnTo>
                  <a:pt x="8504080" y="130333"/>
                </a:lnTo>
                <a:cubicBezTo>
                  <a:pt x="9405568" y="1031820"/>
                  <a:pt x="9963150" y="2277214"/>
                  <a:pt x="9963150" y="3652838"/>
                </a:cubicBezTo>
                <a:cubicBezTo>
                  <a:pt x="9963150" y="4856509"/>
                  <a:pt x="9536251" y="5960473"/>
                  <a:pt x="8825600" y="6821583"/>
                </a:cubicBezTo>
                <a:lnTo>
                  <a:pt x="8794055" y="6858000"/>
                </a:lnTo>
                <a:lnTo>
                  <a:pt x="1169096" y="6858000"/>
                </a:lnTo>
                <a:lnTo>
                  <a:pt x="1137550" y="6821583"/>
                </a:lnTo>
                <a:cubicBezTo>
                  <a:pt x="426899" y="5960473"/>
                  <a:pt x="0" y="4856509"/>
                  <a:pt x="0" y="3652838"/>
                </a:cubicBezTo>
                <a:cubicBezTo>
                  <a:pt x="0" y="2277214"/>
                  <a:pt x="557582" y="1031820"/>
                  <a:pt x="1459070" y="130333"/>
                </a:cubicBezTo>
                <a:close/>
              </a:path>
            </a:pathLst>
          </a:custGeom>
          <a:ln w="9525">
            <a:noFill/>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B668EDCE-6E4E-5B0E-4787-7A2D46D4C19B}"/>
              </a:ext>
            </a:extLst>
          </p:cNvPr>
          <p:cNvSpPr txBox="1"/>
          <p:nvPr/>
        </p:nvSpPr>
        <p:spPr>
          <a:xfrm>
            <a:off x="1523606" y="1999615"/>
            <a:ext cx="9141618" cy="2764028"/>
          </a:xfrm>
          <a:prstGeom prst="rect">
            <a:avLst/>
          </a:prstGeom>
        </p:spPr>
        <p:txBody>
          <a:bodyPr vert="horz" lIns="91440" tIns="45720" rIns="91440" bIns="45720" rtlCol="0" anchor="ctr">
            <a:normAutofit/>
          </a:bodyPr>
          <a:lstStyle/>
          <a:p>
            <a:pPr algn="ctr" fontAlgn="base">
              <a:lnSpc>
                <a:spcPct val="90000"/>
              </a:lnSpc>
              <a:spcBef>
                <a:spcPct val="0"/>
              </a:spcBef>
              <a:spcAft>
                <a:spcPts val="600"/>
              </a:spcAft>
            </a:pPr>
            <a:r>
              <a:rPr lang="en-US" sz="6000" b="1" kern="1200" dirty="0" err="1">
                <a:solidFill>
                  <a:srgbClr val="0070C0"/>
                </a:solidFill>
                <a:latin typeface="Brown"/>
                <a:ea typeface="+mj-ea"/>
                <a:cs typeface="+mj-cs"/>
              </a:rPr>
              <a:t>Risultati</a:t>
            </a:r>
            <a:endParaRPr lang="en-US" sz="6000" b="1" kern="1200" dirty="0">
              <a:solidFill>
                <a:srgbClr val="0070C0"/>
              </a:solidFill>
              <a:latin typeface="Brown"/>
              <a:ea typeface="+mj-ea"/>
              <a:cs typeface="+mj-cs"/>
            </a:endParaRPr>
          </a:p>
        </p:txBody>
      </p:sp>
      <p:sp>
        <p:nvSpPr>
          <p:cNvPr id="19" name="Rectangle 18">
            <a:extLst>
              <a:ext uri="{FF2B5EF4-FFF2-40B4-BE49-F238E27FC236}">
                <a16:creationId xmlns:a16="http://schemas.microsoft.com/office/drawing/2014/main" id="{3629484E-3792-4B3D-89AD-7C8A1ED0E0D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3717591" y="5524786"/>
            <a:ext cx="4753642" cy="274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 name="Holder 2">
            <a:extLst>
              <a:ext uri="{FF2B5EF4-FFF2-40B4-BE49-F238E27FC236}">
                <a16:creationId xmlns:a16="http://schemas.microsoft.com/office/drawing/2014/main" id="{7B7152A1-F3DB-C5E0-B4D4-EF9EAE5748EF}"/>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75D19A99-7BCF-C348-BBF5-E959978593D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AC3B38FE-FD53-A371-5FBD-398244D62265}"/>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BAD03E46-99EA-F407-A06A-F9B6CAB210A9}"/>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CCB50C21-EF8C-594E-E9EF-4FBB0F9EB4CE}"/>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pic>
        <p:nvPicPr>
          <p:cNvPr id="4" name="Immagine 3" descr="Immagine che contiene Carattere, Elementi grafici, grafica, testo&#10;&#10;Descrizione generata automaticamente">
            <a:extLst>
              <a:ext uri="{FF2B5EF4-FFF2-40B4-BE49-F238E27FC236}">
                <a16:creationId xmlns:a16="http://schemas.microsoft.com/office/drawing/2014/main" id="{40305DA6-ADE8-9F4D-AD9B-AD64EA93E30C}"/>
              </a:ext>
            </a:extLst>
          </p:cNvPr>
          <p:cNvPicPr>
            <a:picLocks noChangeAspect="1"/>
          </p:cNvPicPr>
          <p:nvPr/>
        </p:nvPicPr>
        <p:blipFill>
          <a:blip r:embed="rId4"/>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3873215001"/>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21" name="Rectangle 20">
            <a:extLst>
              <a:ext uri="{FF2B5EF4-FFF2-40B4-BE49-F238E27FC236}">
                <a16:creationId xmlns:a16="http://schemas.microsoft.com/office/drawing/2014/main" id="{E914257E-1E2A-4AC7-89EC-1FB65C9C0A0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825"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Freeform: Shape 22">
            <a:extLst>
              <a:ext uri="{FF2B5EF4-FFF2-40B4-BE49-F238E27FC236}">
                <a16:creationId xmlns:a16="http://schemas.microsoft.com/office/drawing/2014/main" id="{03E1C8F1-97F5-489C-8308-958F0965725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2"/>
            <a:ext cx="11266401" cy="2008639"/>
          </a:xfrm>
          <a:custGeom>
            <a:avLst/>
            <a:gdLst>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174645 w 11269336"/>
              <a:gd name="connsiteY140" fmla="*/ 2088358 h 2323145"/>
              <a:gd name="connsiteX141" fmla="*/ 5092476 w 11269336"/>
              <a:gd name="connsiteY141" fmla="*/ 2100737 h 2323145"/>
              <a:gd name="connsiteX142" fmla="*/ 5060738 w 11269336"/>
              <a:gd name="connsiteY142" fmla="*/ 2083274 h 2323145"/>
              <a:gd name="connsiteX143" fmla="*/ 4860988 w 11269336"/>
              <a:gd name="connsiteY143" fmla="*/ 2135698 h 2323145"/>
              <a:gd name="connsiteX144" fmla="*/ 4807902 w 11269336"/>
              <a:gd name="connsiteY144" fmla="*/ 2138894 h 2323145"/>
              <a:gd name="connsiteX145" fmla="*/ 4765388 w 11269336"/>
              <a:gd name="connsiteY145" fmla="*/ 2162525 h 2323145"/>
              <a:gd name="connsiteX146" fmla="*/ 4745033 w 11269336"/>
              <a:gd name="connsiteY146" fmla="*/ 2158859 h 2323145"/>
              <a:gd name="connsiteX147" fmla="*/ 4741475 w 11269336"/>
              <a:gd name="connsiteY147" fmla="*/ 2157998 h 2323145"/>
              <a:gd name="connsiteX148" fmla="*/ 4728247 w 11269336"/>
              <a:gd name="connsiteY148" fmla="*/ 2159526 h 2323145"/>
              <a:gd name="connsiteX149" fmla="*/ 4723263 w 11269336"/>
              <a:gd name="connsiteY149" fmla="*/ 2153742 h 2323145"/>
              <a:gd name="connsiteX150" fmla="*/ 4702453 w 11269336"/>
              <a:gd name="connsiteY150" fmla="*/ 2151586 h 2323145"/>
              <a:gd name="connsiteX151" fmla="*/ 4678455 w 11269336"/>
              <a:gd name="connsiteY151" fmla="*/ 2156131 h 2323145"/>
              <a:gd name="connsiteX152" fmla="*/ 4593061 w 11269336"/>
              <a:gd name="connsiteY152" fmla="*/ 2171597 h 2323145"/>
              <a:gd name="connsiteX153" fmla="*/ 4579902 w 11269336"/>
              <a:gd name="connsiteY153" fmla="*/ 2177927 h 2323145"/>
              <a:gd name="connsiteX154" fmla="*/ 4533444 w 11269336"/>
              <a:gd name="connsiteY154" fmla="*/ 2181200 h 2323145"/>
              <a:gd name="connsiteX155" fmla="*/ 4492832 w 11269336"/>
              <a:gd name="connsiteY155" fmla="*/ 2188033 h 2323145"/>
              <a:gd name="connsiteX156" fmla="*/ 4467257 w 11269336"/>
              <a:gd name="connsiteY156" fmla="*/ 2196121 h 2323145"/>
              <a:gd name="connsiteX157" fmla="*/ 4459937 w 11269336"/>
              <a:gd name="connsiteY157" fmla="*/ 2195182 h 2323145"/>
              <a:gd name="connsiteX158" fmla="*/ 4433312 w 11269336"/>
              <a:gd name="connsiteY158" fmla="*/ 2199004 h 2323145"/>
              <a:gd name="connsiteX159" fmla="*/ 4420601 w 11269336"/>
              <a:gd name="connsiteY159" fmla="*/ 2205158 h 2323145"/>
              <a:gd name="connsiteX160" fmla="*/ 4405765 w 11269336"/>
              <a:gd name="connsiteY160" fmla="*/ 2199902 h 2323145"/>
              <a:gd name="connsiteX161" fmla="*/ 4401354 w 11269336"/>
              <a:gd name="connsiteY161" fmla="*/ 2194745 h 2323145"/>
              <a:gd name="connsiteX162" fmla="*/ 4383151 w 11269336"/>
              <a:gd name="connsiteY162" fmla="*/ 2201140 h 2323145"/>
              <a:gd name="connsiteX163" fmla="*/ 4366646 w 11269336"/>
              <a:gd name="connsiteY163" fmla="*/ 2198564 h 2323145"/>
              <a:gd name="connsiteX164" fmla="*/ 4354009 w 11269336"/>
              <a:gd name="connsiteY164" fmla="*/ 2204984 h 2323145"/>
              <a:gd name="connsiteX165" fmla="*/ 4348284 w 11269336"/>
              <a:gd name="connsiteY165" fmla="*/ 2205270 h 2323145"/>
              <a:gd name="connsiteX166" fmla="*/ 4333906 w 11269336"/>
              <a:gd name="connsiteY166" fmla="*/ 2205251 h 2323145"/>
              <a:gd name="connsiteX167" fmla="*/ 4308819 w 11269336"/>
              <a:gd name="connsiteY167" fmla="*/ 2203822 h 2323145"/>
              <a:gd name="connsiteX168" fmla="*/ 4301210 w 11269336"/>
              <a:gd name="connsiteY168" fmla="*/ 2204456 h 2323145"/>
              <a:gd name="connsiteX169" fmla="*/ 4283095 w 11269336"/>
              <a:gd name="connsiteY169" fmla="*/ 2198177 h 2323145"/>
              <a:gd name="connsiteX170" fmla="*/ 4250119 w 11269336"/>
              <a:gd name="connsiteY170" fmla="*/ 2196342 h 2323145"/>
              <a:gd name="connsiteX171" fmla="*/ 4189203 w 11269336"/>
              <a:gd name="connsiteY171" fmla="*/ 2178994 h 2323145"/>
              <a:gd name="connsiteX172" fmla="*/ 4154035 w 11269336"/>
              <a:gd name="connsiteY172" fmla="*/ 2171950 h 2323145"/>
              <a:gd name="connsiteX173" fmla="*/ 4129569 w 11269336"/>
              <a:gd name="connsiteY173" fmla="*/ 2163850 h 2323145"/>
              <a:gd name="connsiteX174" fmla="*/ 4061250 w 11269336"/>
              <a:gd name="connsiteY174" fmla="*/ 2159236 h 2323145"/>
              <a:gd name="connsiteX175" fmla="*/ 3945480 w 11269336"/>
              <a:gd name="connsiteY175" fmla="*/ 2158279 h 2323145"/>
              <a:gd name="connsiteX176" fmla="*/ 3921468 w 11269336"/>
              <a:gd name="connsiteY176" fmla="*/ 2156588 h 2323145"/>
              <a:gd name="connsiteX177" fmla="*/ 3903348 w 11269336"/>
              <a:gd name="connsiteY177" fmla="*/ 2149220 h 2323145"/>
              <a:gd name="connsiteX178" fmla="*/ 3901342 w 11269336"/>
              <a:gd name="connsiteY178" fmla="*/ 2142355 h 2323145"/>
              <a:gd name="connsiteX179" fmla="*/ 3888539 w 11269336"/>
              <a:gd name="connsiteY179" fmla="*/ 2140476 h 2323145"/>
              <a:gd name="connsiteX180" fmla="*/ 3885662 w 11269336"/>
              <a:gd name="connsiteY180" fmla="*/ 2138740 h 2323145"/>
              <a:gd name="connsiteX181" fmla="*/ 3868627 w 11269336"/>
              <a:gd name="connsiteY181" fmla="*/ 2130023 h 2323145"/>
              <a:gd name="connsiteX182" fmla="*/ 3819177 w 11269336"/>
              <a:gd name="connsiteY182" fmla="*/ 2142111 h 2323145"/>
              <a:gd name="connsiteX183" fmla="*/ 3769100 w 11269336"/>
              <a:gd name="connsiteY183" fmla="*/ 2131731 h 2323145"/>
              <a:gd name="connsiteX184" fmla="*/ 3562752 w 11269336"/>
              <a:gd name="connsiteY184" fmla="*/ 2131785 h 2323145"/>
              <a:gd name="connsiteX185" fmla="*/ 3541402 w 11269336"/>
              <a:gd name="connsiteY185" fmla="*/ 2106821 h 2323145"/>
              <a:gd name="connsiteX186" fmla="*/ 3460591 w 11269336"/>
              <a:gd name="connsiteY186" fmla="*/ 2097951 h 2323145"/>
              <a:gd name="connsiteX187" fmla="*/ 3320348 w 11269336"/>
              <a:gd name="connsiteY187" fmla="*/ 2130191 h 2323145"/>
              <a:gd name="connsiteX188" fmla="*/ 3170922 w 11269336"/>
              <a:gd name="connsiteY188" fmla="*/ 2115957 h 2323145"/>
              <a:gd name="connsiteX189" fmla="*/ 3156256 w 11269336"/>
              <a:gd name="connsiteY189" fmla="*/ 2124773 h 2323145"/>
              <a:gd name="connsiteX190" fmla="*/ 3140298 w 11269336"/>
              <a:gd name="connsiteY190" fmla="*/ 2129182 h 2323145"/>
              <a:gd name="connsiteX191" fmla="*/ 3138514 w 11269336"/>
              <a:gd name="connsiteY191" fmla="*/ 2128069 h 2323145"/>
              <a:gd name="connsiteX192" fmla="*/ 3120467 w 11269336"/>
              <a:gd name="connsiteY192" fmla="*/ 2128281 h 2323145"/>
              <a:gd name="connsiteX193" fmla="*/ 3116175 w 11269336"/>
              <a:gd name="connsiteY193" fmla="*/ 2131633 h 2323145"/>
              <a:gd name="connsiteX194" fmla="*/ 3103685 w 11269336"/>
              <a:gd name="connsiteY194" fmla="*/ 2132814 h 2323145"/>
              <a:gd name="connsiteX195" fmla="*/ 3078794 w 11269336"/>
              <a:gd name="connsiteY195" fmla="*/ 2137935 h 2323145"/>
              <a:gd name="connsiteX196" fmla="*/ 3074407 w 11269336"/>
              <a:gd name="connsiteY196" fmla="*/ 2136274 h 2323145"/>
              <a:gd name="connsiteX197" fmla="*/ 3037285 w 11269336"/>
              <a:gd name="connsiteY197" fmla="*/ 2139919 h 2323145"/>
              <a:gd name="connsiteX198" fmla="*/ 3036901 w 11269336"/>
              <a:gd name="connsiteY198" fmla="*/ 2138726 h 2323145"/>
              <a:gd name="connsiteX199" fmla="*/ 3026996 w 11269336"/>
              <a:gd name="connsiteY199" fmla="*/ 2134322 h 2323145"/>
              <a:gd name="connsiteX200" fmla="*/ 3007772 w 11269336"/>
              <a:gd name="connsiteY200" fmla="*/ 2128742 h 2323145"/>
              <a:gd name="connsiteX201" fmla="*/ 2965030 w 11269336"/>
              <a:gd name="connsiteY201" fmla="*/ 2100494 h 2323145"/>
              <a:gd name="connsiteX202" fmla="*/ 2926342 w 11269336"/>
              <a:gd name="connsiteY202" fmla="*/ 2104155 h 2323145"/>
              <a:gd name="connsiteX203" fmla="*/ 2918608 w 11269336"/>
              <a:gd name="connsiteY203" fmla="*/ 2104215 h 2323145"/>
              <a:gd name="connsiteX204" fmla="*/ 2918475 w 11269336"/>
              <a:gd name="connsiteY204" fmla="*/ 2103937 h 2323145"/>
              <a:gd name="connsiteX205" fmla="*/ 2910360 w 11269336"/>
              <a:gd name="connsiteY205" fmla="*/ 2103444 h 2323145"/>
              <a:gd name="connsiteX206" fmla="*/ 2904507 w 11269336"/>
              <a:gd name="connsiteY206" fmla="*/ 2104326 h 2323145"/>
              <a:gd name="connsiteX207" fmla="*/ 2889503 w 11269336"/>
              <a:gd name="connsiteY207" fmla="*/ 2104443 h 2323145"/>
              <a:gd name="connsiteX208" fmla="*/ 2884480 w 11269336"/>
              <a:gd name="connsiteY208" fmla="*/ 2102626 h 2323145"/>
              <a:gd name="connsiteX209" fmla="*/ 2882689 w 11269336"/>
              <a:gd name="connsiteY209" fmla="*/ 2099228 h 2323145"/>
              <a:gd name="connsiteX210" fmla="*/ 2881291 w 11269336"/>
              <a:gd name="connsiteY210" fmla="*/ 2099618 h 2323145"/>
              <a:gd name="connsiteX211" fmla="*/ 2853979 w 11269336"/>
              <a:gd name="connsiteY211" fmla="*/ 2090388 h 2323145"/>
              <a:gd name="connsiteX212" fmla="*/ 2791790 w 11269336"/>
              <a:gd name="connsiteY212" fmla="*/ 2080332 h 2323145"/>
              <a:gd name="connsiteX213" fmla="*/ 2755844 w 11269336"/>
              <a:gd name="connsiteY213" fmla="*/ 2078874 h 2323145"/>
              <a:gd name="connsiteX214" fmla="*/ 2657742 w 11269336"/>
              <a:gd name="connsiteY214" fmla="*/ 2070179 h 2323145"/>
              <a:gd name="connsiteX215" fmla="*/ 2559549 w 11269336"/>
              <a:gd name="connsiteY215" fmla="*/ 2057873 h 2323145"/>
              <a:gd name="connsiteX216" fmla="*/ 2512054 w 11269336"/>
              <a:gd name="connsiteY216" fmla="*/ 2031671 h 2323145"/>
              <a:gd name="connsiteX217" fmla="*/ 2506437 w 11269336"/>
              <a:gd name="connsiteY217" fmla="*/ 2030918 h 2323145"/>
              <a:gd name="connsiteX218" fmla="*/ 2491752 w 11269336"/>
              <a:gd name="connsiteY218" fmla="*/ 2033906 h 2323145"/>
              <a:gd name="connsiteX219" fmla="*/ 2486338 w 11269336"/>
              <a:gd name="connsiteY219" fmla="*/ 2035862 h 2323145"/>
              <a:gd name="connsiteX220" fmla="*/ 2478186 w 11269336"/>
              <a:gd name="connsiteY220" fmla="*/ 2036953 h 2323145"/>
              <a:gd name="connsiteX221" fmla="*/ 2477950 w 11269336"/>
              <a:gd name="connsiteY221" fmla="*/ 2036715 h 2323145"/>
              <a:gd name="connsiteX222" fmla="*/ 2470381 w 11269336"/>
              <a:gd name="connsiteY222" fmla="*/ 2038256 h 2323145"/>
              <a:gd name="connsiteX223" fmla="*/ 2433781 w 11269336"/>
              <a:gd name="connsiteY223" fmla="*/ 2049140 h 2323145"/>
              <a:gd name="connsiteX224" fmla="*/ 2381172 w 11269336"/>
              <a:gd name="connsiteY224" fmla="*/ 2030645 h 2323145"/>
              <a:gd name="connsiteX225" fmla="*/ 2360198 w 11269336"/>
              <a:gd name="connsiteY225" fmla="*/ 2029059 h 2323145"/>
              <a:gd name="connsiteX226" fmla="*/ 2348815 w 11269336"/>
              <a:gd name="connsiteY226" fmla="*/ 2026798 h 2323145"/>
              <a:gd name="connsiteX227" fmla="*/ 2347988 w 11269336"/>
              <a:gd name="connsiteY227" fmla="*/ 2025745 h 2323145"/>
              <a:gd name="connsiteX228" fmla="*/ 2312920 w 11269336"/>
              <a:gd name="connsiteY228" fmla="*/ 2036311 h 2323145"/>
              <a:gd name="connsiteX229" fmla="*/ 2307986 w 11269336"/>
              <a:gd name="connsiteY229" fmla="*/ 2035583 h 2323145"/>
              <a:gd name="connsiteX230" fmla="*/ 2285481 w 11269336"/>
              <a:gd name="connsiteY230" fmla="*/ 2045197 h 2323145"/>
              <a:gd name="connsiteX231" fmla="*/ 2273666 w 11269336"/>
              <a:gd name="connsiteY231" fmla="*/ 2048710 h 2323145"/>
              <a:gd name="connsiteX232" fmla="*/ 2270719 w 11269336"/>
              <a:gd name="connsiteY232" fmla="*/ 2052702 h 2323145"/>
              <a:gd name="connsiteX233" fmla="*/ 2253080 w 11269336"/>
              <a:gd name="connsiteY233" fmla="*/ 2056363 h 2323145"/>
              <a:gd name="connsiteX234" fmla="*/ 2250906 w 11269336"/>
              <a:gd name="connsiteY234" fmla="*/ 2055654 h 2323145"/>
              <a:gd name="connsiteX235" fmla="*/ 2236905 w 11269336"/>
              <a:gd name="connsiteY235" fmla="*/ 2062882 h 2323145"/>
              <a:gd name="connsiteX236" fmla="*/ 2225830 w 11269336"/>
              <a:gd name="connsiteY236" fmla="*/ 2074027 h 2323145"/>
              <a:gd name="connsiteX237" fmla="*/ 2073776 w 11269336"/>
              <a:gd name="connsiteY237" fmla="*/ 2089244 h 2323145"/>
              <a:gd name="connsiteX238" fmla="*/ 1948256 w 11269336"/>
              <a:gd name="connsiteY238" fmla="*/ 2146616 h 2323145"/>
              <a:gd name="connsiteX239" fmla="*/ 1865582 w 11269336"/>
              <a:gd name="connsiteY239" fmla="*/ 2153738 h 2323145"/>
              <a:gd name="connsiteX240" fmla="*/ 1835210 w 11269336"/>
              <a:gd name="connsiteY240" fmla="*/ 2134244 h 2323145"/>
              <a:gd name="connsiteX241" fmla="*/ 1632661 w 11269336"/>
              <a:gd name="connsiteY241" fmla="*/ 2173882 h 2323145"/>
              <a:gd name="connsiteX242" fmla="*/ 1579590 w 11269336"/>
              <a:gd name="connsiteY242" fmla="*/ 2173680 h 2323145"/>
              <a:gd name="connsiteX243" fmla="*/ 1535601 w 11269336"/>
              <a:gd name="connsiteY243" fmla="*/ 2194590 h 2323145"/>
              <a:gd name="connsiteX244" fmla="*/ 1515594 w 11269336"/>
              <a:gd name="connsiteY244" fmla="*/ 2189622 h 2323145"/>
              <a:gd name="connsiteX245" fmla="*/ 1512113 w 11269336"/>
              <a:gd name="connsiteY245" fmla="*/ 2188534 h 2323145"/>
              <a:gd name="connsiteX246" fmla="*/ 1498838 w 11269336"/>
              <a:gd name="connsiteY246" fmla="*/ 2189213 h 2323145"/>
              <a:gd name="connsiteX247" fmla="*/ 1494279 w 11269336"/>
              <a:gd name="connsiteY247" fmla="*/ 2183112 h 2323145"/>
              <a:gd name="connsiteX248" fmla="*/ 1473714 w 11269336"/>
              <a:gd name="connsiteY248" fmla="*/ 2179625 h 2323145"/>
              <a:gd name="connsiteX249" fmla="*/ 1449503 w 11269336"/>
              <a:gd name="connsiteY249" fmla="*/ 2182633 h 2323145"/>
              <a:gd name="connsiteX250" fmla="*/ 1335495 w 11269336"/>
              <a:gd name="connsiteY250" fmla="*/ 2203940 h 2323145"/>
              <a:gd name="connsiteX251" fmla="*/ 1266687 w 11269336"/>
              <a:gd name="connsiteY251" fmla="*/ 2212688 h 2323145"/>
              <a:gd name="connsiteX252" fmla="*/ 1239614 w 11269336"/>
              <a:gd name="connsiteY252" fmla="*/ 2209727 h 2323145"/>
              <a:gd name="connsiteX253" fmla="*/ 1202436 w 11269336"/>
              <a:gd name="connsiteY253" fmla="*/ 2209817 h 2323145"/>
              <a:gd name="connsiteX254" fmla="*/ 1136097 w 11269336"/>
              <a:gd name="connsiteY254" fmla="*/ 2205112 h 2323145"/>
              <a:gd name="connsiteX255" fmla="*/ 1048229 w 11269336"/>
              <a:gd name="connsiteY255" fmla="*/ 2207249 h 2323145"/>
              <a:gd name="connsiteX256" fmla="*/ 988232 w 11269336"/>
              <a:gd name="connsiteY256" fmla="*/ 2235635 h 2323145"/>
              <a:gd name="connsiteX257" fmla="*/ 981959 w 11269336"/>
              <a:gd name="connsiteY257" fmla="*/ 2231607 h 2323145"/>
              <a:gd name="connsiteX258" fmla="*/ 938600 w 11269336"/>
              <a:gd name="connsiteY258" fmla="*/ 2238113 h 2323145"/>
              <a:gd name="connsiteX259" fmla="*/ 791788 w 11269336"/>
              <a:gd name="connsiteY259" fmla="*/ 2293224 h 2323145"/>
              <a:gd name="connsiteX260" fmla="*/ 706914 w 11269336"/>
              <a:gd name="connsiteY260" fmla="*/ 2305046 h 2323145"/>
              <a:gd name="connsiteX261" fmla="*/ 675971 w 11269336"/>
              <a:gd name="connsiteY261" fmla="*/ 2304030 h 2323145"/>
              <a:gd name="connsiteX262" fmla="*/ 624180 w 11269336"/>
              <a:gd name="connsiteY262" fmla="*/ 2302650 h 2323145"/>
              <a:gd name="connsiteX263" fmla="*/ 583453 w 11269336"/>
              <a:gd name="connsiteY263" fmla="*/ 2288788 h 2323145"/>
              <a:gd name="connsiteX264" fmla="*/ 540946 w 11269336"/>
              <a:gd name="connsiteY264" fmla="*/ 2292721 h 2323145"/>
              <a:gd name="connsiteX265" fmla="*/ 533680 w 11269336"/>
              <a:gd name="connsiteY265" fmla="*/ 2310233 h 2323145"/>
              <a:gd name="connsiteX266" fmla="*/ 487366 w 11269336"/>
              <a:gd name="connsiteY266" fmla="*/ 2309053 h 2323145"/>
              <a:gd name="connsiteX267" fmla="*/ 416820 w 11269336"/>
              <a:gd name="connsiteY267" fmla="*/ 2305443 h 2323145"/>
              <a:gd name="connsiteX268" fmla="*/ 376805 w 11269336"/>
              <a:gd name="connsiteY268" fmla="*/ 2307647 h 2323145"/>
              <a:gd name="connsiteX269" fmla="*/ 266777 w 11269336"/>
              <a:gd name="connsiteY269" fmla="*/ 2309012 h 2323145"/>
              <a:gd name="connsiteX270" fmla="*/ 156013 w 11269336"/>
              <a:gd name="connsiteY270" fmla="*/ 2306832 h 2323145"/>
              <a:gd name="connsiteX271" fmla="*/ 87258 w 11269336"/>
              <a:gd name="connsiteY271" fmla="*/ 2285511 h 2323145"/>
              <a:gd name="connsiteX272" fmla="*/ 23798 w 11269336"/>
              <a:gd name="connsiteY272" fmla="*/ 2281822 h 2323145"/>
              <a:gd name="connsiteX273" fmla="*/ 0 w 11269336"/>
              <a:gd name="connsiteY273" fmla="*/ 2285369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296127 w 11269336"/>
              <a:gd name="connsiteY139" fmla="*/ 2023208 h 2323145"/>
              <a:gd name="connsiteX140" fmla="*/ 5092476 w 11269336"/>
              <a:gd name="connsiteY140" fmla="*/ 2100737 h 2323145"/>
              <a:gd name="connsiteX141" fmla="*/ 5060738 w 11269336"/>
              <a:gd name="connsiteY141" fmla="*/ 2083274 h 2323145"/>
              <a:gd name="connsiteX142" fmla="*/ 4860988 w 11269336"/>
              <a:gd name="connsiteY142" fmla="*/ 2135698 h 2323145"/>
              <a:gd name="connsiteX143" fmla="*/ 4807902 w 11269336"/>
              <a:gd name="connsiteY143" fmla="*/ 2138894 h 2323145"/>
              <a:gd name="connsiteX144" fmla="*/ 4765388 w 11269336"/>
              <a:gd name="connsiteY144" fmla="*/ 2162525 h 2323145"/>
              <a:gd name="connsiteX145" fmla="*/ 4745033 w 11269336"/>
              <a:gd name="connsiteY145" fmla="*/ 2158859 h 2323145"/>
              <a:gd name="connsiteX146" fmla="*/ 4741475 w 11269336"/>
              <a:gd name="connsiteY146" fmla="*/ 2157998 h 2323145"/>
              <a:gd name="connsiteX147" fmla="*/ 4728247 w 11269336"/>
              <a:gd name="connsiteY147" fmla="*/ 2159526 h 2323145"/>
              <a:gd name="connsiteX148" fmla="*/ 4723263 w 11269336"/>
              <a:gd name="connsiteY148" fmla="*/ 2153742 h 2323145"/>
              <a:gd name="connsiteX149" fmla="*/ 4702453 w 11269336"/>
              <a:gd name="connsiteY149" fmla="*/ 2151586 h 2323145"/>
              <a:gd name="connsiteX150" fmla="*/ 4678455 w 11269336"/>
              <a:gd name="connsiteY150" fmla="*/ 2156131 h 2323145"/>
              <a:gd name="connsiteX151" fmla="*/ 4593061 w 11269336"/>
              <a:gd name="connsiteY151" fmla="*/ 2171597 h 2323145"/>
              <a:gd name="connsiteX152" fmla="*/ 4579902 w 11269336"/>
              <a:gd name="connsiteY152" fmla="*/ 2177927 h 2323145"/>
              <a:gd name="connsiteX153" fmla="*/ 4533444 w 11269336"/>
              <a:gd name="connsiteY153" fmla="*/ 2181200 h 2323145"/>
              <a:gd name="connsiteX154" fmla="*/ 4492832 w 11269336"/>
              <a:gd name="connsiteY154" fmla="*/ 2188033 h 2323145"/>
              <a:gd name="connsiteX155" fmla="*/ 4467257 w 11269336"/>
              <a:gd name="connsiteY155" fmla="*/ 2196121 h 2323145"/>
              <a:gd name="connsiteX156" fmla="*/ 4459937 w 11269336"/>
              <a:gd name="connsiteY156" fmla="*/ 2195182 h 2323145"/>
              <a:gd name="connsiteX157" fmla="*/ 4433312 w 11269336"/>
              <a:gd name="connsiteY157" fmla="*/ 2199004 h 2323145"/>
              <a:gd name="connsiteX158" fmla="*/ 4420601 w 11269336"/>
              <a:gd name="connsiteY158" fmla="*/ 2205158 h 2323145"/>
              <a:gd name="connsiteX159" fmla="*/ 4405765 w 11269336"/>
              <a:gd name="connsiteY159" fmla="*/ 2199902 h 2323145"/>
              <a:gd name="connsiteX160" fmla="*/ 4401354 w 11269336"/>
              <a:gd name="connsiteY160" fmla="*/ 2194745 h 2323145"/>
              <a:gd name="connsiteX161" fmla="*/ 4383151 w 11269336"/>
              <a:gd name="connsiteY161" fmla="*/ 2201140 h 2323145"/>
              <a:gd name="connsiteX162" fmla="*/ 4366646 w 11269336"/>
              <a:gd name="connsiteY162" fmla="*/ 2198564 h 2323145"/>
              <a:gd name="connsiteX163" fmla="*/ 4354009 w 11269336"/>
              <a:gd name="connsiteY163" fmla="*/ 2204984 h 2323145"/>
              <a:gd name="connsiteX164" fmla="*/ 4348284 w 11269336"/>
              <a:gd name="connsiteY164" fmla="*/ 2205270 h 2323145"/>
              <a:gd name="connsiteX165" fmla="*/ 4333906 w 11269336"/>
              <a:gd name="connsiteY165" fmla="*/ 2205251 h 2323145"/>
              <a:gd name="connsiteX166" fmla="*/ 4308819 w 11269336"/>
              <a:gd name="connsiteY166" fmla="*/ 2203822 h 2323145"/>
              <a:gd name="connsiteX167" fmla="*/ 4301210 w 11269336"/>
              <a:gd name="connsiteY167" fmla="*/ 2204456 h 2323145"/>
              <a:gd name="connsiteX168" fmla="*/ 4283095 w 11269336"/>
              <a:gd name="connsiteY168" fmla="*/ 2198177 h 2323145"/>
              <a:gd name="connsiteX169" fmla="*/ 4250119 w 11269336"/>
              <a:gd name="connsiteY169" fmla="*/ 2196342 h 2323145"/>
              <a:gd name="connsiteX170" fmla="*/ 4189203 w 11269336"/>
              <a:gd name="connsiteY170" fmla="*/ 2178994 h 2323145"/>
              <a:gd name="connsiteX171" fmla="*/ 4154035 w 11269336"/>
              <a:gd name="connsiteY171" fmla="*/ 2171950 h 2323145"/>
              <a:gd name="connsiteX172" fmla="*/ 4129569 w 11269336"/>
              <a:gd name="connsiteY172" fmla="*/ 2163850 h 2323145"/>
              <a:gd name="connsiteX173" fmla="*/ 4061250 w 11269336"/>
              <a:gd name="connsiteY173" fmla="*/ 2159236 h 2323145"/>
              <a:gd name="connsiteX174" fmla="*/ 3945480 w 11269336"/>
              <a:gd name="connsiteY174" fmla="*/ 2158279 h 2323145"/>
              <a:gd name="connsiteX175" fmla="*/ 3921468 w 11269336"/>
              <a:gd name="connsiteY175" fmla="*/ 2156588 h 2323145"/>
              <a:gd name="connsiteX176" fmla="*/ 3903348 w 11269336"/>
              <a:gd name="connsiteY176" fmla="*/ 2149220 h 2323145"/>
              <a:gd name="connsiteX177" fmla="*/ 3901342 w 11269336"/>
              <a:gd name="connsiteY177" fmla="*/ 2142355 h 2323145"/>
              <a:gd name="connsiteX178" fmla="*/ 3888539 w 11269336"/>
              <a:gd name="connsiteY178" fmla="*/ 2140476 h 2323145"/>
              <a:gd name="connsiteX179" fmla="*/ 3885662 w 11269336"/>
              <a:gd name="connsiteY179" fmla="*/ 2138740 h 2323145"/>
              <a:gd name="connsiteX180" fmla="*/ 3868627 w 11269336"/>
              <a:gd name="connsiteY180" fmla="*/ 2130023 h 2323145"/>
              <a:gd name="connsiteX181" fmla="*/ 3819177 w 11269336"/>
              <a:gd name="connsiteY181" fmla="*/ 2142111 h 2323145"/>
              <a:gd name="connsiteX182" fmla="*/ 3769100 w 11269336"/>
              <a:gd name="connsiteY182" fmla="*/ 2131731 h 2323145"/>
              <a:gd name="connsiteX183" fmla="*/ 3562752 w 11269336"/>
              <a:gd name="connsiteY183" fmla="*/ 2131785 h 2323145"/>
              <a:gd name="connsiteX184" fmla="*/ 3541402 w 11269336"/>
              <a:gd name="connsiteY184" fmla="*/ 2106821 h 2323145"/>
              <a:gd name="connsiteX185" fmla="*/ 3460591 w 11269336"/>
              <a:gd name="connsiteY185" fmla="*/ 2097951 h 2323145"/>
              <a:gd name="connsiteX186" fmla="*/ 3320348 w 11269336"/>
              <a:gd name="connsiteY186" fmla="*/ 2130191 h 2323145"/>
              <a:gd name="connsiteX187" fmla="*/ 3170922 w 11269336"/>
              <a:gd name="connsiteY187" fmla="*/ 2115957 h 2323145"/>
              <a:gd name="connsiteX188" fmla="*/ 3156256 w 11269336"/>
              <a:gd name="connsiteY188" fmla="*/ 2124773 h 2323145"/>
              <a:gd name="connsiteX189" fmla="*/ 3140298 w 11269336"/>
              <a:gd name="connsiteY189" fmla="*/ 2129182 h 2323145"/>
              <a:gd name="connsiteX190" fmla="*/ 3138514 w 11269336"/>
              <a:gd name="connsiteY190" fmla="*/ 2128069 h 2323145"/>
              <a:gd name="connsiteX191" fmla="*/ 3120467 w 11269336"/>
              <a:gd name="connsiteY191" fmla="*/ 2128281 h 2323145"/>
              <a:gd name="connsiteX192" fmla="*/ 3116175 w 11269336"/>
              <a:gd name="connsiteY192" fmla="*/ 2131633 h 2323145"/>
              <a:gd name="connsiteX193" fmla="*/ 3103685 w 11269336"/>
              <a:gd name="connsiteY193" fmla="*/ 2132814 h 2323145"/>
              <a:gd name="connsiteX194" fmla="*/ 3078794 w 11269336"/>
              <a:gd name="connsiteY194" fmla="*/ 2137935 h 2323145"/>
              <a:gd name="connsiteX195" fmla="*/ 3074407 w 11269336"/>
              <a:gd name="connsiteY195" fmla="*/ 2136274 h 2323145"/>
              <a:gd name="connsiteX196" fmla="*/ 3037285 w 11269336"/>
              <a:gd name="connsiteY196" fmla="*/ 2139919 h 2323145"/>
              <a:gd name="connsiteX197" fmla="*/ 3036901 w 11269336"/>
              <a:gd name="connsiteY197" fmla="*/ 2138726 h 2323145"/>
              <a:gd name="connsiteX198" fmla="*/ 3026996 w 11269336"/>
              <a:gd name="connsiteY198" fmla="*/ 2134322 h 2323145"/>
              <a:gd name="connsiteX199" fmla="*/ 3007772 w 11269336"/>
              <a:gd name="connsiteY199" fmla="*/ 2128742 h 2323145"/>
              <a:gd name="connsiteX200" fmla="*/ 2965030 w 11269336"/>
              <a:gd name="connsiteY200" fmla="*/ 2100494 h 2323145"/>
              <a:gd name="connsiteX201" fmla="*/ 2926342 w 11269336"/>
              <a:gd name="connsiteY201" fmla="*/ 2104155 h 2323145"/>
              <a:gd name="connsiteX202" fmla="*/ 2918608 w 11269336"/>
              <a:gd name="connsiteY202" fmla="*/ 2104215 h 2323145"/>
              <a:gd name="connsiteX203" fmla="*/ 2918475 w 11269336"/>
              <a:gd name="connsiteY203" fmla="*/ 2103937 h 2323145"/>
              <a:gd name="connsiteX204" fmla="*/ 2910360 w 11269336"/>
              <a:gd name="connsiteY204" fmla="*/ 2103444 h 2323145"/>
              <a:gd name="connsiteX205" fmla="*/ 2904507 w 11269336"/>
              <a:gd name="connsiteY205" fmla="*/ 2104326 h 2323145"/>
              <a:gd name="connsiteX206" fmla="*/ 2889503 w 11269336"/>
              <a:gd name="connsiteY206" fmla="*/ 2104443 h 2323145"/>
              <a:gd name="connsiteX207" fmla="*/ 2884480 w 11269336"/>
              <a:gd name="connsiteY207" fmla="*/ 2102626 h 2323145"/>
              <a:gd name="connsiteX208" fmla="*/ 2882689 w 11269336"/>
              <a:gd name="connsiteY208" fmla="*/ 2099228 h 2323145"/>
              <a:gd name="connsiteX209" fmla="*/ 2881291 w 11269336"/>
              <a:gd name="connsiteY209" fmla="*/ 2099618 h 2323145"/>
              <a:gd name="connsiteX210" fmla="*/ 2853979 w 11269336"/>
              <a:gd name="connsiteY210" fmla="*/ 2090388 h 2323145"/>
              <a:gd name="connsiteX211" fmla="*/ 2791790 w 11269336"/>
              <a:gd name="connsiteY211" fmla="*/ 2080332 h 2323145"/>
              <a:gd name="connsiteX212" fmla="*/ 2755844 w 11269336"/>
              <a:gd name="connsiteY212" fmla="*/ 2078874 h 2323145"/>
              <a:gd name="connsiteX213" fmla="*/ 2657742 w 11269336"/>
              <a:gd name="connsiteY213" fmla="*/ 2070179 h 2323145"/>
              <a:gd name="connsiteX214" fmla="*/ 2559549 w 11269336"/>
              <a:gd name="connsiteY214" fmla="*/ 2057873 h 2323145"/>
              <a:gd name="connsiteX215" fmla="*/ 2512054 w 11269336"/>
              <a:gd name="connsiteY215" fmla="*/ 2031671 h 2323145"/>
              <a:gd name="connsiteX216" fmla="*/ 2506437 w 11269336"/>
              <a:gd name="connsiteY216" fmla="*/ 2030918 h 2323145"/>
              <a:gd name="connsiteX217" fmla="*/ 2491752 w 11269336"/>
              <a:gd name="connsiteY217" fmla="*/ 2033906 h 2323145"/>
              <a:gd name="connsiteX218" fmla="*/ 2486338 w 11269336"/>
              <a:gd name="connsiteY218" fmla="*/ 2035862 h 2323145"/>
              <a:gd name="connsiteX219" fmla="*/ 2478186 w 11269336"/>
              <a:gd name="connsiteY219" fmla="*/ 2036953 h 2323145"/>
              <a:gd name="connsiteX220" fmla="*/ 2477950 w 11269336"/>
              <a:gd name="connsiteY220" fmla="*/ 2036715 h 2323145"/>
              <a:gd name="connsiteX221" fmla="*/ 2470381 w 11269336"/>
              <a:gd name="connsiteY221" fmla="*/ 2038256 h 2323145"/>
              <a:gd name="connsiteX222" fmla="*/ 2433781 w 11269336"/>
              <a:gd name="connsiteY222" fmla="*/ 2049140 h 2323145"/>
              <a:gd name="connsiteX223" fmla="*/ 2381172 w 11269336"/>
              <a:gd name="connsiteY223" fmla="*/ 2030645 h 2323145"/>
              <a:gd name="connsiteX224" fmla="*/ 2360198 w 11269336"/>
              <a:gd name="connsiteY224" fmla="*/ 2029059 h 2323145"/>
              <a:gd name="connsiteX225" fmla="*/ 2348815 w 11269336"/>
              <a:gd name="connsiteY225" fmla="*/ 2026798 h 2323145"/>
              <a:gd name="connsiteX226" fmla="*/ 2347988 w 11269336"/>
              <a:gd name="connsiteY226" fmla="*/ 2025745 h 2323145"/>
              <a:gd name="connsiteX227" fmla="*/ 2312920 w 11269336"/>
              <a:gd name="connsiteY227" fmla="*/ 2036311 h 2323145"/>
              <a:gd name="connsiteX228" fmla="*/ 2307986 w 11269336"/>
              <a:gd name="connsiteY228" fmla="*/ 2035583 h 2323145"/>
              <a:gd name="connsiteX229" fmla="*/ 2285481 w 11269336"/>
              <a:gd name="connsiteY229" fmla="*/ 2045197 h 2323145"/>
              <a:gd name="connsiteX230" fmla="*/ 2273666 w 11269336"/>
              <a:gd name="connsiteY230" fmla="*/ 2048710 h 2323145"/>
              <a:gd name="connsiteX231" fmla="*/ 2270719 w 11269336"/>
              <a:gd name="connsiteY231" fmla="*/ 2052702 h 2323145"/>
              <a:gd name="connsiteX232" fmla="*/ 2253080 w 11269336"/>
              <a:gd name="connsiteY232" fmla="*/ 2056363 h 2323145"/>
              <a:gd name="connsiteX233" fmla="*/ 2250906 w 11269336"/>
              <a:gd name="connsiteY233" fmla="*/ 2055654 h 2323145"/>
              <a:gd name="connsiteX234" fmla="*/ 2236905 w 11269336"/>
              <a:gd name="connsiteY234" fmla="*/ 2062882 h 2323145"/>
              <a:gd name="connsiteX235" fmla="*/ 2225830 w 11269336"/>
              <a:gd name="connsiteY235" fmla="*/ 2074027 h 2323145"/>
              <a:gd name="connsiteX236" fmla="*/ 2073776 w 11269336"/>
              <a:gd name="connsiteY236" fmla="*/ 2089244 h 2323145"/>
              <a:gd name="connsiteX237" fmla="*/ 1948256 w 11269336"/>
              <a:gd name="connsiteY237" fmla="*/ 2146616 h 2323145"/>
              <a:gd name="connsiteX238" fmla="*/ 1865582 w 11269336"/>
              <a:gd name="connsiteY238" fmla="*/ 2153738 h 2323145"/>
              <a:gd name="connsiteX239" fmla="*/ 1835210 w 11269336"/>
              <a:gd name="connsiteY239" fmla="*/ 2134244 h 2323145"/>
              <a:gd name="connsiteX240" fmla="*/ 1632661 w 11269336"/>
              <a:gd name="connsiteY240" fmla="*/ 2173882 h 2323145"/>
              <a:gd name="connsiteX241" fmla="*/ 1579590 w 11269336"/>
              <a:gd name="connsiteY241" fmla="*/ 2173680 h 2323145"/>
              <a:gd name="connsiteX242" fmla="*/ 1535601 w 11269336"/>
              <a:gd name="connsiteY242" fmla="*/ 2194590 h 2323145"/>
              <a:gd name="connsiteX243" fmla="*/ 1515594 w 11269336"/>
              <a:gd name="connsiteY243" fmla="*/ 2189622 h 2323145"/>
              <a:gd name="connsiteX244" fmla="*/ 1512113 w 11269336"/>
              <a:gd name="connsiteY244" fmla="*/ 2188534 h 2323145"/>
              <a:gd name="connsiteX245" fmla="*/ 1498838 w 11269336"/>
              <a:gd name="connsiteY245" fmla="*/ 2189213 h 2323145"/>
              <a:gd name="connsiteX246" fmla="*/ 1494279 w 11269336"/>
              <a:gd name="connsiteY246" fmla="*/ 2183112 h 2323145"/>
              <a:gd name="connsiteX247" fmla="*/ 1473714 w 11269336"/>
              <a:gd name="connsiteY247" fmla="*/ 2179625 h 2323145"/>
              <a:gd name="connsiteX248" fmla="*/ 1449503 w 11269336"/>
              <a:gd name="connsiteY248" fmla="*/ 2182633 h 2323145"/>
              <a:gd name="connsiteX249" fmla="*/ 1335495 w 11269336"/>
              <a:gd name="connsiteY249" fmla="*/ 2203940 h 2323145"/>
              <a:gd name="connsiteX250" fmla="*/ 1266687 w 11269336"/>
              <a:gd name="connsiteY250" fmla="*/ 2212688 h 2323145"/>
              <a:gd name="connsiteX251" fmla="*/ 1239614 w 11269336"/>
              <a:gd name="connsiteY251" fmla="*/ 2209727 h 2323145"/>
              <a:gd name="connsiteX252" fmla="*/ 1202436 w 11269336"/>
              <a:gd name="connsiteY252" fmla="*/ 2209817 h 2323145"/>
              <a:gd name="connsiteX253" fmla="*/ 1136097 w 11269336"/>
              <a:gd name="connsiteY253" fmla="*/ 2205112 h 2323145"/>
              <a:gd name="connsiteX254" fmla="*/ 1048229 w 11269336"/>
              <a:gd name="connsiteY254" fmla="*/ 2207249 h 2323145"/>
              <a:gd name="connsiteX255" fmla="*/ 988232 w 11269336"/>
              <a:gd name="connsiteY255" fmla="*/ 2235635 h 2323145"/>
              <a:gd name="connsiteX256" fmla="*/ 981959 w 11269336"/>
              <a:gd name="connsiteY256" fmla="*/ 2231607 h 2323145"/>
              <a:gd name="connsiteX257" fmla="*/ 938600 w 11269336"/>
              <a:gd name="connsiteY257" fmla="*/ 2238113 h 2323145"/>
              <a:gd name="connsiteX258" fmla="*/ 791788 w 11269336"/>
              <a:gd name="connsiteY258" fmla="*/ 2293224 h 2323145"/>
              <a:gd name="connsiteX259" fmla="*/ 706914 w 11269336"/>
              <a:gd name="connsiteY259" fmla="*/ 2305046 h 2323145"/>
              <a:gd name="connsiteX260" fmla="*/ 675971 w 11269336"/>
              <a:gd name="connsiteY260" fmla="*/ 2304030 h 2323145"/>
              <a:gd name="connsiteX261" fmla="*/ 624180 w 11269336"/>
              <a:gd name="connsiteY261" fmla="*/ 2302650 h 2323145"/>
              <a:gd name="connsiteX262" fmla="*/ 583453 w 11269336"/>
              <a:gd name="connsiteY262" fmla="*/ 2288788 h 2323145"/>
              <a:gd name="connsiteX263" fmla="*/ 540946 w 11269336"/>
              <a:gd name="connsiteY263" fmla="*/ 2292721 h 2323145"/>
              <a:gd name="connsiteX264" fmla="*/ 533680 w 11269336"/>
              <a:gd name="connsiteY264" fmla="*/ 2310233 h 2323145"/>
              <a:gd name="connsiteX265" fmla="*/ 487366 w 11269336"/>
              <a:gd name="connsiteY265" fmla="*/ 2309053 h 2323145"/>
              <a:gd name="connsiteX266" fmla="*/ 416820 w 11269336"/>
              <a:gd name="connsiteY266" fmla="*/ 2305443 h 2323145"/>
              <a:gd name="connsiteX267" fmla="*/ 376805 w 11269336"/>
              <a:gd name="connsiteY267" fmla="*/ 2307647 h 2323145"/>
              <a:gd name="connsiteX268" fmla="*/ 266777 w 11269336"/>
              <a:gd name="connsiteY268" fmla="*/ 2309012 h 2323145"/>
              <a:gd name="connsiteX269" fmla="*/ 156013 w 11269336"/>
              <a:gd name="connsiteY269" fmla="*/ 2306832 h 2323145"/>
              <a:gd name="connsiteX270" fmla="*/ 87258 w 11269336"/>
              <a:gd name="connsiteY270" fmla="*/ 2285511 h 2323145"/>
              <a:gd name="connsiteX271" fmla="*/ 23798 w 11269336"/>
              <a:gd name="connsiteY271" fmla="*/ 2281822 h 2323145"/>
              <a:gd name="connsiteX272" fmla="*/ 0 w 11269336"/>
              <a:gd name="connsiteY272" fmla="*/ 2285369 h 2323145"/>
              <a:gd name="connsiteX273" fmla="*/ 0 w 11269336"/>
              <a:gd name="connsiteY27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092476 w 11269336"/>
              <a:gd name="connsiteY139" fmla="*/ 2100737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60738 w 11269336"/>
              <a:gd name="connsiteY140" fmla="*/ 208327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320348 w 11269336"/>
              <a:gd name="connsiteY185" fmla="*/ 2130191 h 2323145"/>
              <a:gd name="connsiteX186" fmla="*/ 3170922 w 11269336"/>
              <a:gd name="connsiteY186" fmla="*/ 2115957 h 2323145"/>
              <a:gd name="connsiteX187" fmla="*/ 3156256 w 11269336"/>
              <a:gd name="connsiteY187" fmla="*/ 2124773 h 2323145"/>
              <a:gd name="connsiteX188" fmla="*/ 3140298 w 11269336"/>
              <a:gd name="connsiteY188" fmla="*/ 2129182 h 2323145"/>
              <a:gd name="connsiteX189" fmla="*/ 3138514 w 11269336"/>
              <a:gd name="connsiteY189" fmla="*/ 2128069 h 2323145"/>
              <a:gd name="connsiteX190" fmla="*/ 3120467 w 11269336"/>
              <a:gd name="connsiteY190" fmla="*/ 2128281 h 2323145"/>
              <a:gd name="connsiteX191" fmla="*/ 3116175 w 11269336"/>
              <a:gd name="connsiteY191" fmla="*/ 2131633 h 2323145"/>
              <a:gd name="connsiteX192" fmla="*/ 3103685 w 11269336"/>
              <a:gd name="connsiteY192" fmla="*/ 2132814 h 2323145"/>
              <a:gd name="connsiteX193" fmla="*/ 3078794 w 11269336"/>
              <a:gd name="connsiteY193" fmla="*/ 2137935 h 2323145"/>
              <a:gd name="connsiteX194" fmla="*/ 3074407 w 11269336"/>
              <a:gd name="connsiteY194" fmla="*/ 2136274 h 2323145"/>
              <a:gd name="connsiteX195" fmla="*/ 3037285 w 11269336"/>
              <a:gd name="connsiteY195" fmla="*/ 2139919 h 2323145"/>
              <a:gd name="connsiteX196" fmla="*/ 3036901 w 11269336"/>
              <a:gd name="connsiteY196" fmla="*/ 2138726 h 2323145"/>
              <a:gd name="connsiteX197" fmla="*/ 3026996 w 11269336"/>
              <a:gd name="connsiteY197" fmla="*/ 2134322 h 2323145"/>
              <a:gd name="connsiteX198" fmla="*/ 3007772 w 11269336"/>
              <a:gd name="connsiteY198" fmla="*/ 2128742 h 2323145"/>
              <a:gd name="connsiteX199" fmla="*/ 2965030 w 11269336"/>
              <a:gd name="connsiteY199" fmla="*/ 2100494 h 2323145"/>
              <a:gd name="connsiteX200" fmla="*/ 2926342 w 11269336"/>
              <a:gd name="connsiteY200" fmla="*/ 2104155 h 2323145"/>
              <a:gd name="connsiteX201" fmla="*/ 2918608 w 11269336"/>
              <a:gd name="connsiteY201" fmla="*/ 2104215 h 2323145"/>
              <a:gd name="connsiteX202" fmla="*/ 2918475 w 11269336"/>
              <a:gd name="connsiteY202" fmla="*/ 2103937 h 2323145"/>
              <a:gd name="connsiteX203" fmla="*/ 2910360 w 11269336"/>
              <a:gd name="connsiteY203" fmla="*/ 2103444 h 2323145"/>
              <a:gd name="connsiteX204" fmla="*/ 2904507 w 11269336"/>
              <a:gd name="connsiteY204" fmla="*/ 2104326 h 2323145"/>
              <a:gd name="connsiteX205" fmla="*/ 2889503 w 11269336"/>
              <a:gd name="connsiteY205" fmla="*/ 2104443 h 2323145"/>
              <a:gd name="connsiteX206" fmla="*/ 2884480 w 11269336"/>
              <a:gd name="connsiteY206" fmla="*/ 2102626 h 2323145"/>
              <a:gd name="connsiteX207" fmla="*/ 2882689 w 11269336"/>
              <a:gd name="connsiteY207" fmla="*/ 2099228 h 2323145"/>
              <a:gd name="connsiteX208" fmla="*/ 2881291 w 11269336"/>
              <a:gd name="connsiteY208" fmla="*/ 2099618 h 2323145"/>
              <a:gd name="connsiteX209" fmla="*/ 2853979 w 11269336"/>
              <a:gd name="connsiteY209" fmla="*/ 2090388 h 2323145"/>
              <a:gd name="connsiteX210" fmla="*/ 2791790 w 11269336"/>
              <a:gd name="connsiteY210" fmla="*/ 2080332 h 2323145"/>
              <a:gd name="connsiteX211" fmla="*/ 2755844 w 11269336"/>
              <a:gd name="connsiteY211" fmla="*/ 2078874 h 2323145"/>
              <a:gd name="connsiteX212" fmla="*/ 2657742 w 11269336"/>
              <a:gd name="connsiteY212" fmla="*/ 2070179 h 2323145"/>
              <a:gd name="connsiteX213" fmla="*/ 2559549 w 11269336"/>
              <a:gd name="connsiteY213" fmla="*/ 2057873 h 2323145"/>
              <a:gd name="connsiteX214" fmla="*/ 2512054 w 11269336"/>
              <a:gd name="connsiteY214" fmla="*/ 2031671 h 2323145"/>
              <a:gd name="connsiteX215" fmla="*/ 2506437 w 11269336"/>
              <a:gd name="connsiteY215" fmla="*/ 2030918 h 2323145"/>
              <a:gd name="connsiteX216" fmla="*/ 2491752 w 11269336"/>
              <a:gd name="connsiteY216" fmla="*/ 2033906 h 2323145"/>
              <a:gd name="connsiteX217" fmla="*/ 2486338 w 11269336"/>
              <a:gd name="connsiteY217" fmla="*/ 2035862 h 2323145"/>
              <a:gd name="connsiteX218" fmla="*/ 2478186 w 11269336"/>
              <a:gd name="connsiteY218" fmla="*/ 2036953 h 2323145"/>
              <a:gd name="connsiteX219" fmla="*/ 2477950 w 11269336"/>
              <a:gd name="connsiteY219" fmla="*/ 2036715 h 2323145"/>
              <a:gd name="connsiteX220" fmla="*/ 2470381 w 11269336"/>
              <a:gd name="connsiteY220" fmla="*/ 2038256 h 2323145"/>
              <a:gd name="connsiteX221" fmla="*/ 2433781 w 11269336"/>
              <a:gd name="connsiteY221" fmla="*/ 2049140 h 2323145"/>
              <a:gd name="connsiteX222" fmla="*/ 2381172 w 11269336"/>
              <a:gd name="connsiteY222" fmla="*/ 2030645 h 2323145"/>
              <a:gd name="connsiteX223" fmla="*/ 2360198 w 11269336"/>
              <a:gd name="connsiteY223" fmla="*/ 2029059 h 2323145"/>
              <a:gd name="connsiteX224" fmla="*/ 2348815 w 11269336"/>
              <a:gd name="connsiteY224" fmla="*/ 2026798 h 2323145"/>
              <a:gd name="connsiteX225" fmla="*/ 2347988 w 11269336"/>
              <a:gd name="connsiteY225" fmla="*/ 2025745 h 2323145"/>
              <a:gd name="connsiteX226" fmla="*/ 2312920 w 11269336"/>
              <a:gd name="connsiteY226" fmla="*/ 2036311 h 2323145"/>
              <a:gd name="connsiteX227" fmla="*/ 2307986 w 11269336"/>
              <a:gd name="connsiteY227" fmla="*/ 2035583 h 2323145"/>
              <a:gd name="connsiteX228" fmla="*/ 2285481 w 11269336"/>
              <a:gd name="connsiteY228" fmla="*/ 2045197 h 2323145"/>
              <a:gd name="connsiteX229" fmla="*/ 2273666 w 11269336"/>
              <a:gd name="connsiteY229" fmla="*/ 2048710 h 2323145"/>
              <a:gd name="connsiteX230" fmla="*/ 2270719 w 11269336"/>
              <a:gd name="connsiteY230" fmla="*/ 2052702 h 2323145"/>
              <a:gd name="connsiteX231" fmla="*/ 2253080 w 11269336"/>
              <a:gd name="connsiteY231" fmla="*/ 2056363 h 2323145"/>
              <a:gd name="connsiteX232" fmla="*/ 2250906 w 11269336"/>
              <a:gd name="connsiteY232" fmla="*/ 2055654 h 2323145"/>
              <a:gd name="connsiteX233" fmla="*/ 2236905 w 11269336"/>
              <a:gd name="connsiteY233" fmla="*/ 2062882 h 2323145"/>
              <a:gd name="connsiteX234" fmla="*/ 2225830 w 11269336"/>
              <a:gd name="connsiteY234" fmla="*/ 2074027 h 2323145"/>
              <a:gd name="connsiteX235" fmla="*/ 2073776 w 11269336"/>
              <a:gd name="connsiteY235" fmla="*/ 2089244 h 2323145"/>
              <a:gd name="connsiteX236" fmla="*/ 1948256 w 11269336"/>
              <a:gd name="connsiteY236" fmla="*/ 2146616 h 2323145"/>
              <a:gd name="connsiteX237" fmla="*/ 1865582 w 11269336"/>
              <a:gd name="connsiteY237" fmla="*/ 2153738 h 2323145"/>
              <a:gd name="connsiteX238" fmla="*/ 1835210 w 11269336"/>
              <a:gd name="connsiteY238" fmla="*/ 2134244 h 2323145"/>
              <a:gd name="connsiteX239" fmla="*/ 1632661 w 11269336"/>
              <a:gd name="connsiteY239" fmla="*/ 2173882 h 2323145"/>
              <a:gd name="connsiteX240" fmla="*/ 1579590 w 11269336"/>
              <a:gd name="connsiteY240" fmla="*/ 2173680 h 2323145"/>
              <a:gd name="connsiteX241" fmla="*/ 1535601 w 11269336"/>
              <a:gd name="connsiteY241" fmla="*/ 2194590 h 2323145"/>
              <a:gd name="connsiteX242" fmla="*/ 1515594 w 11269336"/>
              <a:gd name="connsiteY242" fmla="*/ 2189622 h 2323145"/>
              <a:gd name="connsiteX243" fmla="*/ 1512113 w 11269336"/>
              <a:gd name="connsiteY243" fmla="*/ 2188534 h 2323145"/>
              <a:gd name="connsiteX244" fmla="*/ 1498838 w 11269336"/>
              <a:gd name="connsiteY244" fmla="*/ 2189213 h 2323145"/>
              <a:gd name="connsiteX245" fmla="*/ 1494279 w 11269336"/>
              <a:gd name="connsiteY245" fmla="*/ 2183112 h 2323145"/>
              <a:gd name="connsiteX246" fmla="*/ 1473714 w 11269336"/>
              <a:gd name="connsiteY246" fmla="*/ 2179625 h 2323145"/>
              <a:gd name="connsiteX247" fmla="*/ 1449503 w 11269336"/>
              <a:gd name="connsiteY247" fmla="*/ 2182633 h 2323145"/>
              <a:gd name="connsiteX248" fmla="*/ 1335495 w 11269336"/>
              <a:gd name="connsiteY248" fmla="*/ 2203940 h 2323145"/>
              <a:gd name="connsiteX249" fmla="*/ 1266687 w 11269336"/>
              <a:gd name="connsiteY249" fmla="*/ 2212688 h 2323145"/>
              <a:gd name="connsiteX250" fmla="*/ 1239614 w 11269336"/>
              <a:gd name="connsiteY250" fmla="*/ 2209727 h 2323145"/>
              <a:gd name="connsiteX251" fmla="*/ 1202436 w 11269336"/>
              <a:gd name="connsiteY251" fmla="*/ 2209817 h 2323145"/>
              <a:gd name="connsiteX252" fmla="*/ 1136097 w 11269336"/>
              <a:gd name="connsiteY252" fmla="*/ 2205112 h 2323145"/>
              <a:gd name="connsiteX253" fmla="*/ 1048229 w 11269336"/>
              <a:gd name="connsiteY253" fmla="*/ 2207249 h 2323145"/>
              <a:gd name="connsiteX254" fmla="*/ 988232 w 11269336"/>
              <a:gd name="connsiteY254" fmla="*/ 2235635 h 2323145"/>
              <a:gd name="connsiteX255" fmla="*/ 981959 w 11269336"/>
              <a:gd name="connsiteY255" fmla="*/ 2231607 h 2323145"/>
              <a:gd name="connsiteX256" fmla="*/ 938600 w 11269336"/>
              <a:gd name="connsiteY256" fmla="*/ 2238113 h 2323145"/>
              <a:gd name="connsiteX257" fmla="*/ 791788 w 11269336"/>
              <a:gd name="connsiteY257" fmla="*/ 2293224 h 2323145"/>
              <a:gd name="connsiteX258" fmla="*/ 706914 w 11269336"/>
              <a:gd name="connsiteY258" fmla="*/ 2305046 h 2323145"/>
              <a:gd name="connsiteX259" fmla="*/ 675971 w 11269336"/>
              <a:gd name="connsiteY259" fmla="*/ 2304030 h 2323145"/>
              <a:gd name="connsiteX260" fmla="*/ 624180 w 11269336"/>
              <a:gd name="connsiteY260" fmla="*/ 2302650 h 2323145"/>
              <a:gd name="connsiteX261" fmla="*/ 583453 w 11269336"/>
              <a:gd name="connsiteY261" fmla="*/ 2288788 h 2323145"/>
              <a:gd name="connsiteX262" fmla="*/ 540946 w 11269336"/>
              <a:gd name="connsiteY262" fmla="*/ 2292721 h 2323145"/>
              <a:gd name="connsiteX263" fmla="*/ 533680 w 11269336"/>
              <a:gd name="connsiteY263" fmla="*/ 2310233 h 2323145"/>
              <a:gd name="connsiteX264" fmla="*/ 487366 w 11269336"/>
              <a:gd name="connsiteY264" fmla="*/ 2309053 h 2323145"/>
              <a:gd name="connsiteX265" fmla="*/ 416820 w 11269336"/>
              <a:gd name="connsiteY265" fmla="*/ 2305443 h 2323145"/>
              <a:gd name="connsiteX266" fmla="*/ 376805 w 11269336"/>
              <a:gd name="connsiteY266" fmla="*/ 2307647 h 2323145"/>
              <a:gd name="connsiteX267" fmla="*/ 266777 w 11269336"/>
              <a:gd name="connsiteY267" fmla="*/ 2309012 h 2323145"/>
              <a:gd name="connsiteX268" fmla="*/ 156013 w 11269336"/>
              <a:gd name="connsiteY268" fmla="*/ 2306832 h 2323145"/>
              <a:gd name="connsiteX269" fmla="*/ 87258 w 11269336"/>
              <a:gd name="connsiteY269" fmla="*/ 2285511 h 2323145"/>
              <a:gd name="connsiteX270" fmla="*/ 23798 w 11269336"/>
              <a:gd name="connsiteY270" fmla="*/ 2281822 h 2323145"/>
              <a:gd name="connsiteX271" fmla="*/ 0 w 11269336"/>
              <a:gd name="connsiteY271" fmla="*/ 2285369 h 2323145"/>
              <a:gd name="connsiteX272" fmla="*/ 0 w 11269336"/>
              <a:gd name="connsiteY27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460591 w 11269336"/>
              <a:gd name="connsiteY184" fmla="*/ 2097951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1048229 w 11269336"/>
              <a:gd name="connsiteY252" fmla="*/ 2207249 h 2323145"/>
              <a:gd name="connsiteX253" fmla="*/ 988232 w 11269336"/>
              <a:gd name="connsiteY253" fmla="*/ 2235635 h 2323145"/>
              <a:gd name="connsiteX254" fmla="*/ 981959 w 11269336"/>
              <a:gd name="connsiteY254" fmla="*/ 2231607 h 2323145"/>
              <a:gd name="connsiteX255" fmla="*/ 938600 w 11269336"/>
              <a:gd name="connsiteY255" fmla="*/ 2238113 h 2323145"/>
              <a:gd name="connsiteX256" fmla="*/ 791788 w 11269336"/>
              <a:gd name="connsiteY256" fmla="*/ 2293224 h 2323145"/>
              <a:gd name="connsiteX257" fmla="*/ 706914 w 11269336"/>
              <a:gd name="connsiteY257" fmla="*/ 2305046 h 2323145"/>
              <a:gd name="connsiteX258" fmla="*/ 675971 w 11269336"/>
              <a:gd name="connsiteY258" fmla="*/ 2304030 h 2323145"/>
              <a:gd name="connsiteX259" fmla="*/ 624180 w 11269336"/>
              <a:gd name="connsiteY259" fmla="*/ 2302650 h 2323145"/>
              <a:gd name="connsiteX260" fmla="*/ 583453 w 11269336"/>
              <a:gd name="connsiteY260" fmla="*/ 2288788 h 2323145"/>
              <a:gd name="connsiteX261" fmla="*/ 540946 w 11269336"/>
              <a:gd name="connsiteY261" fmla="*/ 2292721 h 2323145"/>
              <a:gd name="connsiteX262" fmla="*/ 533680 w 11269336"/>
              <a:gd name="connsiteY262" fmla="*/ 2310233 h 2323145"/>
              <a:gd name="connsiteX263" fmla="*/ 487366 w 11269336"/>
              <a:gd name="connsiteY263" fmla="*/ 2309053 h 2323145"/>
              <a:gd name="connsiteX264" fmla="*/ 416820 w 11269336"/>
              <a:gd name="connsiteY264" fmla="*/ 2305443 h 2323145"/>
              <a:gd name="connsiteX265" fmla="*/ 376805 w 11269336"/>
              <a:gd name="connsiteY265" fmla="*/ 2307647 h 2323145"/>
              <a:gd name="connsiteX266" fmla="*/ 266777 w 11269336"/>
              <a:gd name="connsiteY266" fmla="*/ 2309012 h 2323145"/>
              <a:gd name="connsiteX267" fmla="*/ 156013 w 11269336"/>
              <a:gd name="connsiteY267" fmla="*/ 2306832 h 2323145"/>
              <a:gd name="connsiteX268" fmla="*/ 87258 w 11269336"/>
              <a:gd name="connsiteY268" fmla="*/ 2285511 h 2323145"/>
              <a:gd name="connsiteX269" fmla="*/ 23798 w 11269336"/>
              <a:gd name="connsiteY269" fmla="*/ 2281822 h 2323145"/>
              <a:gd name="connsiteX270" fmla="*/ 0 w 11269336"/>
              <a:gd name="connsiteY270" fmla="*/ 2285369 h 2323145"/>
              <a:gd name="connsiteX271" fmla="*/ 0 w 11269336"/>
              <a:gd name="connsiteY27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335495 w 11269336"/>
              <a:gd name="connsiteY247" fmla="*/ 2203940 h 2323145"/>
              <a:gd name="connsiteX248" fmla="*/ 1266687 w 11269336"/>
              <a:gd name="connsiteY248" fmla="*/ 2212688 h 2323145"/>
              <a:gd name="connsiteX249" fmla="*/ 1239614 w 11269336"/>
              <a:gd name="connsiteY249" fmla="*/ 2209727 h 2323145"/>
              <a:gd name="connsiteX250" fmla="*/ 1202436 w 11269336"/>
              <a:gd name="connsiteY250" fmla="*/ 2209817 h 2323145"/>
              <a:gd name="connsiteX251" fmla="*/ 1136097 w 11269336"/>
              <a:gd name="connsiteY251" fmla="*/ 2205112 h 2323145"/>
              <a:gd name="connsiteX252" fmla="*/ 988232 w 11269336"/>
              <a:gd name="connsiteY252" fmla="*/ 2235635 h 2323145"/>
              <a:gd name="connsiteX253" fmla="*/ 981959 w 11269336"/>
              <a:gd name="connsiteY253" fmla="*/ 2231607 h 2323145"/>
              <a:gd name="connsiteX254" fmla="*/ 938600 w 11269336"/>
              <a:gd name="connsiteY254" fmla="*/ 2238113 h 2323145"/>
              <a:gd name="connsiteX255" fmla="*/ 791788 w 11269336"/>
              <a:gd name="connsiteY255" fmla="*/ 2293224 h 2323145"/>
              <a:gd name="connsiteX256" fmla="*/ 706914 w 11269336"/>
              <a:gd name="connsiteY256" fmla="*/ 2305046 h 2323145"/>
              <a:gd name="connsiteX257" fmla="*/ 675971 w 11269336"/>
              <a:gd name="connsiteY257" fmla="*/ 2304030 h 2323145"/>
              <a:gd name="connsiteX258" fmla="*/ 624180 w 11269336"/>
              <a:gd name="connsiteY258" fmla="*/ 2302650 h 2323145"/>
              <a:gd name="connsiteX259" fmla="*/ 583453 w 11269336"/>
              <a:gd name="connsiteY259" fmla="*/ 2288788 h 2323145"/>
              <a:gd name="connsiteX260" fmla="*/ 540946 w 11269336"/>
              <a:gd name="connsiteY260" fmla="*/ 2292721 h 2323145"/>
              <a:gd name="connsiteX261" fmla="*/ 533680 w 11269336"/>
              <a:gd name="connsiteY261" fmla="*/ 2310233 h 2323145"/>
              <a:gd name="connsiteX262" fmla="*/ 487366 w 11269336"/>
              <a:gd name="connsiteY262" fmla="*/ 2309053 h 2323145"/>
              <a:gd name="connsiteX263" fmla="*/ 416820 w 11269336"/>
              <a:gd name="connsiteY263" fmla="*/ 2305443 h 2323145"/>
              <a:gd name="connsiteX264" fmla="*/ 376805 w 11269336"/>
              <a:gd name="connsiteY264" fmla="*/ 2307647 h 2323145"/>
              <a:gd name="connsiteX265" fmla="*/ 266777 w 11269336"/>
              <a:gd name="connsiteY265" fmla="*/ 2309012 h 2323145"/>
              <a:gd name="connsiteX266" fmla="*/ 156013 w 11269336"/>
              <a:gd name="connsiteY266" fmla="*/ 2306832 h 2323145"/>
              <a:gd name="connsiteX267" fmla="*/ 87258 w 11269336"/>
              <a:gd name="connsiteY267" fmla="*/ 2285511 h 2323145"/>
              <a:gd name="connsiteX268" fmla="*/ 23798 w 11269336"/>
              <a:gd name="connsiteY268" fmla="*/ 2281822 h 2323145"/>
              <a:gd name="connsiteX269" fmla="*/ 0 w 11269336"/>
              <a:gd name="connsiteY269" fmla="*/ 2285369 h 2323145"/>
              <a:gd name="connsiteX270" fmla="*/ 0 w 11269336"/>
              <a:gd name="connsiteY27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218531 w 11269336"/>
              <a:gd name="connsiteY54" fmla="*/ 1107622 h 2323145"/>
              <a:gd name="connsiteX55" fmla="*/ 8197391 w 11269336"/>
              <a:gd name="connsiteY55" fmla="*/ 1107746 h 2323145"/>
              <a:gd name="connsiteX56" fmla="*/ 8081474 w 11269336"/>
              <a:gd name="connsiteY56" fmla="*/ 1130125 h 2323145"/>
              <a:gd name="connsiteX57" fmla="*/ 8053585 w 11269336"/>
              <a:gd name="connsiteY57" fmla="*/ 1129169 h 2323145"/>
              <a:gd name="connsiteX58" fmla="*/ 8038422 w 11269336"/>
              <a:gd name="connsiteY58" fmla="*/ 1119092 h 2323145"/>
              <a:gd name="connsiteX59" fmla="*/ 8029450 w 11269336"/>
              <a:gd name="connsiteY59" fmla="*/ 1125592 h 2323145"/>
              <a:gd name="connsiteX60" fmla="*/ 7959552 w 11269336"/>
              <a:gd name="connsiteY60" fmla="*/ 1140188 h 2323145"/>
              <a:gd name="connsiteX61" fmla="*/ 7914188 w 11269336"/>
              <a:gd name="connsiteY61" fmla="*/ 1150862 h 2323145"/>
              <a:gd name="connsiteX62" fmla="*/ 7914918 w 11269336"/>
              <a:gd name="connsiteY62" fmla="*/ 1168758 h 2323145"/>
              <a:gd name="connsiteX63" fmla="*/ 7875510 w 11269336"/>
              <a:gd name="connsiteY63" fmla="*/ 1183153 h 2323145"/>
              <a:gd name="connsiteX64" fmla="*/ 7829932 w 11269336"/>
              <a:gd name="connsiteY64" fmla="*/ 1180782 h 2323145"/>
              <a:gd name="connsiteX65" fmla="*/ 7779182 w 11269336"/>
              <a:gd name="connsiteY65" fmla="*/ 1192665 h 2323145"/>
              <a:gd name="connsiteX66" fmla="*/ 7748774 w 11269336"/>
              <a:gd name="connsiteY66" fmla="*/ 1199586 h 2323145"/>
              <a:gd name="connsiteX67" fmla="*/ 7671846 w 11269336"/>
              <a:gd name="connsiteY67" fmla="*/ 1231966 h 2323145"/>
              <a:gd name="connsiteX68" fmla="*/ 7554146 w 11269336"/>
              <a:gd name="connsiteY68" fmla="*/ 1319748 h 2323145"/>
              <a:gd name="connsiteX69" fmla="*/ 7515052 w 11269336"/>
              <a:gd name="connsiteY69" fmla="*/ 1336718 h 2323145"/>
              <a:gd name="connsiteX70" fmla="*/ 7507193 w 11269336"/>
              <a:gd name="connsiteY70" fmla="*/ 1334617 h 2323145"/>
              <a:gd name="connsiteX71" fmla="*/ 7461694 w 11269336"/>
              <a:gd name="connsiteY71" fmla="*/ 1375866 h 2323145"/>
              <a:gd name="connsiteX72" fmla="*/ 7377571 w 11269336"/>
              <a:gd name="connsiteY72" fmla="*/ 1400128 h 2323145"/>
              <a:gd name="connsiteX73" fmla="*/ 7311261 w 11269336"/>
              <a:gd name="connsiteY73" fmla="*/ 1412652 h 2323145"/>
              <a:gd name="connsiteX74" fmla="*/ 7275307 w 11269336"/>
              <a:gd name="connsiteY74" fmla="*/ 1422171 h 2323145"/>
              <a:gd name="connsiteX75" fmla="*/ 7247783 w 11269336"/>
              <a:gd name="connsiteY75" fmla="*/ 1426330 h 2323145"/>
              <a:gd name="connsiteX76" fmla="*/ 7185047 w 11269336"/>
              <a:gd name="connsiteY76" fmla="*/ 1451812 h 2323145"/>
              <a:gd name="connsiteX77" fmla="*/ 7084117 w 11269336"/>
              <a:gd name="connsiteY77" fmla="*/ 1500281 h 2323145"/>
              <a:gd name="connsiteX78" fmla="*/ 7062011 w 11269336"/>
              <a:gd name="connsiteY78" fmla="*/ 1509183 h 2323145"/>
              <a:gd name="connsiteX79" fmla="*/ 7040555 w 11269336"/>
              <a:gd name="connsiteY79" fmla="*/ 1511207 h 2323145"/>
              <a:gd name="connsiteX80" fmla="*/ 7033438 w 11269336"/>
              <a:gd name="connsiteY80" fmla="*/ 1506772 h 2323145"/>
              <a:gd name="connsiteX81" fmla="*/ 7020886 w 11269336"/>
              <a:gd name="connsiteY81" fmla="*/ 1510764 h 2323145"/>
              <a:gd name="connsiteX82" fmla="*/ 7017033 w 11269336"/>
              <a:gd name="connsiteY82" fmla="*/ 1510650 h 2323145"/>
              <a:gd name="connsiteX83" fmla="*/ 6995460 w 11269336"/>
              <a:gd name="connsiteY83" fmla="*/ 1511173 h 2323145"/>
              <a:gd name="connsiteX84" fmla="*/ 6962144 w 11269336"/>
              <a:gd name="connsiteY84" fmla="*/ 1541508 h 2323145"/>
              <a:gd name="connsiteX85" fmla="*/ 6910674 w 11269336"/>
              <a:gd name="connsiteY85" fmla="*/ 1554793 h 2323145"/>
              <a:gd name="connsiteX86" fmla="*/ 6732152 w 11269336"/>
              <a:gd name="connsiteY86" fmla="*/ 1642538 h 2323145"/>
              <a:gd name="connsiteX87" fmla="*/ 6694106 w 11269336"/>
              <a:gd name="connsiteY87" fmla="*/ 1632377 h 2323145"/>
              <a:gd name="connsiteX88" fmla="*/ 6617223 w 11269336"/>
              <a:gd name="connsiteY88" fmla="*/ 1659889 h 2323145"/>
              <a:gd name="connsiteX89" fmla="*/ 6521138 w 11269336"/>
              <a:gd name="connsiteY89" fmla="*/ 1744340 h 2323145"/>
              <a:gd name="connsiteX90" fmla="*/ 6380677 w 11269336"/>
              <a:gd name="connsiteY90" fmla="*/ 1796883 h 2323145"/>
              <a:gd name="connsiteX91" fmla="*/ 6374897 w 11269336"/>
              <a:gd name="connsiteY91" fmla="*/ 1809910 h 2323145"/>
              <a:gd name="connsiteX92" fmla="*/ 6364545 w 11269336"/>
              <a:gd name="connsiteY92" fmla="*/ 1820090 h 2323145"/>
              <a:gd name="connsiteX93" fmla="*/ 6362126 w 11269336"/>
              <a:gd name="connsiteY93" fmla="*/ 1819991 h 2323145"/>
              <a:gd name="connsiteX94" fmla="*/ 6346673 w 11269336"/>
              <a:gd name="connsiteY94" fmla="*/ 1827824 h 2323145"/>
              <a:gd name="connsiteX95" fmla="*/ 6345588 w 11269336"/>
              <a:gd name="connsiteY95" fmla="*/ 1832232 h 2323145"/>
              <a:gd name="connsiteX96" fmla="*/ 6335708 w 11269336"/>
              <a:gd name="connsiteY96" fmla="*/ 1838451 h 2323145"/>
              <a:gd name="connsiteX97" fmla="*/ 6318182 w 11269336"/>
              <a:gd name="connsiteY97" fmla="*/ 1852975 h 2323145"/>
              <a:gd name="connsiteX98" fmla="*/ 6313084 w 11269336"/>
              <a:gd name="connsiteY98" fmla="*/ 1853561 h 2323145"/>
              <a:gd name="connsiteX99" fmla="*/ 6283816 w 11269336"/>
              <a:gd name="connsiteY99" fmla="*/ 1872148 h 2323145"/>
              <a:gd name="connsiteX100" fmla="*/ 6282550 w 11269336"/>
              <a:gd name="connsiteY100" fmla="*/ 1871392 h 2323145"/>
              <a:gd name="connsiteX101" fmla="*/ 6270527 w 11269336"/>
              <a:gd name="connsiteY101" fmla="*/ 1872208 h 2323145"/>
              <a:gd name="connsiteX102" fmla="*/ 6249518 w 11269336"/>
              <a:gd name="connsiteY102" fmla="*/ 1876079 h 2323145"/>
              <a:gd name="connsiteX103" fmla="*/ 6190386 w 11269336"/>
              <a:gd name="connsiteY103" fmla="*/ 1872478 h 2323145"/>
              <a:gd name="connsiteX104" fmla="*/ 6159777 w 11269336"/>
              <a:gd name="connsiteY104" fmla="*/ 1891745 h 2323145"/>
              <a:gd name="connsiteX105" fmla="*/ 6153131 w 11269336"/>
              <a:gd name="connsiteY105" fmla="*/ 1895079 h 2323145"/>
              <a:gd name="connsiteX106" fmla="*/ 6152798 w 11269336"/>
              <a:gd name="connsiteY106" fmla="*/ 1894920 h 2323145"/>
              <a:gd name="connsiteX107" fmla="*/ 6145388 w 11269336"/>
              <a:gd name="connsiteY107" fmla="*/ 1897990 h 2323145"/>
              <a:gd name="connsiteX108" fmla="*/ 6141014 w 11269336"/>
              <a:gd name="connsiteY108" fmla="*/ 1901155 h 2323145"/>
              <a:gd name="connsiteX109" fmla="*/ 6128122 w 11269336"/>
              <a:gd name="connsiteY109" fmla="*/ 1907623 h 2323145"/>
              <a:gd name="connsiteX110" fmla="*/ 6122351 w 11269336"/>
              <a:gd name="connsiteY110" fmla="*/ 1908359 h 2323145"/>
              <a:gd name="connsiteX111" fmla="*/ 6064750 w 11269336"/>
              <a:gd name="connsiteY111" fmla="*/ 1896394 h 2323145"/>
              <a:gd name="connsiteX112" fmla="*/ 5964230 w 11269336"/>
              <a:gd name="connsiteY112" fmla="*/ 1910038 h 2323145"/>
              <a:gd name="connsiteX113" fmla="*/ 5865399 w 11269336"/>
              <a:gd name="connsiteY113" fmla="*/ 1926966 h 2323145"/>
              <a:gd name="connsiteX114" fmla="*/ 5829951 w 11269336"/>
              <a:gd name="connsiteY114" fmla="*/ 1934755 h 2323145"/>
              <a:gd name="connsiteX115" fmla="*/ 5765285 w 11269336"/>
              <a:gd name="connsiteY115" fmla="*/ 1941322 h 2323145"/>
              <a:gd name="connsiteX116" fmla="*/ 5734750 w 11269336"/>
              <a:gd name="connsiteY116" fmla="*/ 1939793 h 2323145"/>
              <a:gd name="connsiteX117" fmla="*/ 5733569 w 11269336"/>
              <a:gd name="connsiteY117" fmla="*/ 1940505 h 2323145"/>
              <a:gd name="connsiteX118" fmla="*/ 5730329 w 11269336"/>
              <a:gd name="connsiteY118" fmla="*/ 1937845 h 2323145"/>
              <a:gd name="connsiteX119" fmla="*/ 5724661 w 11269336"/>
              <a:gd name="connsiteY119" fmla="*/ 1937455 h 2323145"/>
              <a:gd name="connsiteX120" fmla="*/ 5710186 w 11269336"/>
              <a:gd name="connsiteY120" fmla="*/ 1941370 h 2323145"/>
              <a:gd name="connsiteX121" fmla="*/ 5704910 w 11269336"/>
              <a:gd name="connsiteY121" fmla="*/ 1943663 h 2323145"/>
              <a:gd name="connsiteX122" fmla="*/ 5696836 w 11269336"/>
              <a:gd name="connsiteY122" fmla="*/ 1945271 h 2323145"/>
              <a:gd name="connsiteX123" fmla="*/ 5696583 w 11269336"/>
              <a:gd name="connsiteY123" fmla="*/ 1945050 h 2323145"/>
              <a:gd name="connsiteX124" fmla="*/ 5689123 w 11269336"/>
              <a:gd name="connsiteY124" fmla="*/ 1947067 h 2323145"/>
              <a:gd name="connsiteX125" fmla="*/ 5653291 w 11269336"/>
              <a:gd name="connsiteY125" fmla="*/ 1960245 h 2323145"/>
              <a:gd name="connsiteX126" fmla="*/ 5599385 w 11269336"/>
              <a:gd name="connsiteY126" fmla="*/ 1945198 h 2323145"/>
              <a:gd name="connsiteX127" fmla="*/ 5578300 w 11269336"/>
              <a:gd name="connsiteY127" fmla="*/ 1944963 h 2323145"/>
              <a:gd name="connsiteX128" fmla="*/ 5566758 w 11269336"/>
              <a:gd name="connsiteY128" fmla="*/ 1943441 h 2323145"/>
              <a:gd name="connsiteX129" fmla="*/ 5565857 w 11269336"/>
              <a:gd name="connsiteY129" fmla="*/ 1942445 h 2323145"/>
              <a:gd name="connsiteX130" fmla="*/ 5531534 w 11269336"/>
              <a:gd name="connsiteY130" fmla="*/ 1955208 h 2323145"/>
              <a:gd name="connsiteX131" fmla="*/ 5526552 w 11269336"/>
              <a:gd name="connsiteY131" fmla="*/ 1954799 h 2323145"/>
              <a:gd name="connsiteX132" fmla="*/ 5504723 w 11269336"/>
              <a:gd name="connsiteY132" fmla="*/ 1965811 h 2323145"/>
              <a:gd name="connsiteX133" fmla="*/ 5493156 w 11269336"/>
              <a:gd name="connsiteY133" fmla="*/ 1970063 h 2323145"/>
              <a:gd name="connsiteX134" fmla="*/ 5490486 w 11269336"/>
              <a:gd name="connsiteY134" fmla="*/ 1974227 h 2323145"/>
              <a:gd name="connsiteX135" fmla="*/ 5473107 w 11269336"/>
              <a:gd name="connsiteY135" fmla="*/ 1979001 h 2323145"/>
              <a:gd name="connsiteX136" fmla="*/ 5470885 w 11269336"/>
              <a:gd name="connsiteY136" fmla="*/ 1978432 h 2323145"/>
              <a:gd name="connsiteX137" fmla="*/ 5457393 w 11269336"/>
              <a:gd name="connsiteY137" fmla="*/ 1986525 h 2323145"/>
              <a:gd name="connsiteX138" fmla="*/ 5447102 w 11269336"/>
              <a:gd name="connsiteY138" fmla="*/ 1998329 h 2323145"/>
              <a:gd name="connsiteX139" fmla="*/ 5159151 w 11269336"/>
              <a:gd name="connsiteY139" fmla="*/ 2029640 h 2323145"/>
              <a:gd name="connsiteX140" fmla="*/ 5041688 w 11269336"/>
              <a:gd name="connsiteY140" fmla="*/ 2022334 h 2323145"/>
              <a:gd name="connsiteX141" fmla="*/ 4860988 w 11269336"/>
              <a:gd name="connsiteY141" fmla="*/ 2135698 h 2323145"/>
              <a:gd name="connsiteX142" fmla="*/ 4807902 w 11269336"/>
              <a:gd name="connsiteY142" fmla="*/ 2138894 h 2323145"/>
              <a:gd name="connsiteX143" fmla="*/ 4765388 w 11269336"/>
              <a:gd name="connsiteY143" fmla="*/ 2162525 h 2323145"/>
              <a:gd name="connsiteX144" fmla="*/ 4745033 w 11269336"/>
              <a:gd name="connsiteY144" fmla="*/ 2158859 h 2323145"/>
              <a:gd name="connsiteX145" fmla="*/ 4741475 w 11269336"/>
              <a:gd name="connsiteY145" fmla="*/ 2157998 h 2323145"/>
              <a:gd name="connsiteX146" fmla="*/ 4728247 w 11269336"/>
              <a:gd name="connsiteY146" fmla="*/ 2159526 h 2323145"/>
              <a:gd name="connsiteX147" fmla="*/ 4723263 w 11269336"/>
              <a:gd name="connsiteY147" fmla="*/ 2153742 h 2323145"/>
              <a:gd name="connsiteX148" fmla="*/ 4702453 w 11269336"/>
              <a:gd name="connsiteY148" fmla="*/ 2151586 h 2323145"/>
              <a:gd name="connsiteX149" fmla="*/ 4678455 w 11269336"/>
              <a:gd name="connsiteY149" fmla="*/ 2156131 h 2323145"/>
              <a:gd name="connsiteX150" fmla="*/ 4593061 w 11269336"/>
              <a:gd name="connsiteY150" fmla="*/ 2171597 h 2323145"/>
              <a:gd name="connsiteX151" fmla="*/ 4579902 w 11269336"/>
              <a:gd name="connsiteY151" fmla="*/ 2177927 h 2323145"/>
              <a:gd name="connsiteX152" fmla="*/ 4533444 w 11269336"/>
              <a:gd name="connsiteY152" fmla="*/ 2181200 h 2323145"/>
              <a:gd name="connsiteX153" fmla="*/ 4492832 w 11269336"/>
              <a:gd name="connsiteY153" fmla="*/ 2188033 h 2323145"/>
              <a:gd name="connsiteX154" fmla="*/ 4467257 w 11269336"/>
              <a:gd name="connsiteY154" fmla="*/ 2196121 h 2323145"/>
              <a:gd name="connsiteX155" fmla="*/ 4459937 w 11269336"/>
              <a:gd name="connsiteY155" fmla="*/ 2195182 h 2323145"/>
              <a:gd name="connsiteX156" fmla="*/ 4433312 w 11269336"/>
              <a:gd name="connsiteY156" fmla="*/ 2199004 h 2323145"/>
              <a:gd name="connsiteX157" fmla="*/ 4420601 w 11269336"/>
              <a:gd name="connsiteY157" fmla="*/ 2205158 h 2323145"/>
              <a:gd name="connsiteX158" fmla="*/ 4405765 w 11269336"/>
              <a:gd name="connsiteY158" fmla="*/ 2199902 h 2323145"/>
              <a:gd name="connsiteX159" fmla="*/ 4401354 w 11269336"/>
              <a:gd name="connsiteY159" fmla="*/ 2194745 h 2323145"/>
              <a:gd name="connsiteX160" fmla="*/ 4383151 w 11269336"/>
              <a:gd name="connsiteY160" fmla="*/ 2201140 h 2323145"/>
              <a:gd name="connsiteX161" fmla="*/ 4366646 w 11269336"/>
              <a:gd name="connsiteY161" fmla="*/ 2198564 h 2323145"/>
              <a:gd name="connsiteX162" fmla="*/ 4354009 w 11269336"/>
              <a:gd name="connsiteY162" fmla="*/ 2204984 h 2323145"/>
              <a:gd name="connsiteX163" fmla="*/ 4348284 w 11269336"/>
              <a:gd name="connsiteY163" fmla="*/ 2205270 h 2323145"/>
              <a:gd name="connsiteX164" fmla="*/ 4333906 w 11269336"/>
              <a:gd name="connsiteY164" fmla="*/ 2205251 h 2323145"/>
              <a:gd name="connsiteX165" fmla="*/ 4308819 w 11269336"/>
              <a:gd name="connsiteY165" fmla="*/ 2203822 h 2323145"/>
              <a:gd name="connsiteX166" fmla="*/ 4301210 w 11269336"/>
              <a:gd name="connsiteY166" fmla="*/ 2204456 h 2323145"/>
              <a:gd name="connsiteX167" fmla="*/ 4283095 w 11269336"/>
              <a:gd name="connsiteY167" fmla="*/ 2198177 h 2323145"/>
              <a:gd name="connsiteX168" fmla="*/ 4250119 w 11269336"/>
              <a:gd name="connsiteY168" fmla="*/ 2196342 h 2323145"/>
              <a:gd name="connsiteX169" fmla="*/ 4189203 w 11269336"/>
              <a:gd name="connsiteY169" fmla="*/ 2178994 h 2323145"/>
              <a:gd name="connsiteX170" fmla="*/ 4154035 w 11269336"/>
              <a:gd name="connsiteY170" fmla="*/ 2171950 h 2323145"/>
              <a:gd name="connsiteX171" fmla="*/ 4129569 w 11269336"/>
              <a:gd name="connsiteY171" fmla="*/ 2163850 h 2323145"/>
              <a:gd name="connsiteX172" fmla="*/ 4061250 w 11269336"/>
              <a:gd name="connsiteY172" fmla="*/ 2159236 h 2323145"/>
              <a:gd name="connsiteX173" fmla="*/ 3945480 w 11269336"/>
              <a:gd name="connsiteY173" fmla="*/ 2158279 h 2323145"/>
              <a:gd name="connsiteX174" fmla="*/ 3921468 w 11269336"/>
              <a:gd name="connsiteY174" fmla="*/ 2156588 h 2323145"/>
              <a:gd name="connsiteX175" fmla="*/ 3903348 w 11269336"/>
              <a:gd name="connsiteY175" fmla="*/ 2149220 h 2323145"/>
              <a:gd name="connsiteX176" fmla="*/ 3901342 w 11269336"/>
              <a:gd name="connsiteY176" fmla="*/ 2142355 h 2323145"/>
              <a:gd name="connsiteX177" fmla="*/ 3888539 w 11269336"/>
              <a:gd name="connsiteY177" fmla="*/ 2140476 h 2323145"/>
              <a:gd name="connsiteX178" fmla="*/ 3885662 w 11269336"/>
              <a:gd name="connsiteY178" fmla="*/ 2138740 h 2323145"/>
              <a:gd name="connsiteX179" fmla="*/ 3868627 w 11269336"/>
              <a:gd name="connsiteY179" fmla="*/ 2130023 h 2323145"/>
              <a:gd name="connsiteX180" fmla="*/ 3819177 w 11269336"/>
              <a:gd name="connsiteY180" fmla="*/ 2142111 h 2323145"/>
              <a:gd name="connsiteX181" fmla="*/ 3769100 w 11269336"/>
              <a:gd name="connsiteY181" fmla="*/ 2131731 h 2323145"/>
              <a:gd name="connsiteX182" fmla="*/ 3562752 w 11269336"/>
              <a:gd name="connsiteY182" fmla="*/ 2131785 h 2323145"/>
              <a:gd name="connsiteX183" fmla="*/ 3541402 w 11269336"/>
              <a:gd name="connsiteY183" fmla="*/ 2106821 h 2323145"/>
              <a:gd name="connsiteX184" fmla="*/ 3365341 w 11269336"/>
              <a:gd name="connsiteY184" fmla="*/ 2077638 h 2323145"/>
              <a:gd name="connsiteX185" fmla="*/ 3170922 w 11269336"/>
              <a:gd name="connsiteY185" fmla="*/ 2115957 h 2323145"/>
              <a:gd name="connsiteX186" fmla="*/ 3156256 w 11269336"/>
              <a:gd name="connsiteY186" fmla="*/ 2124773 h 2323145"/>
              <a:gd name="connsiteX187" fmla="*/ 3140298 w 11269336"/>
              <a:gd name="connsiteY187" fmla="*/ 2129182 h 2323145"/>
              <a:gd name="connsiteX188" fmla="*/ 3138514 w 11269336"/>
              <a:gd name="connsiteY188" fmla="*/ 2128069 h 2323145"/>
              <a:gd name="connsiteX189" fmla="*/ 3120467 w 11269336"/>
              <a:gd name="connsiteY189" fmla="*/ 2128281 h 2323145"/>
              <a:gd name="connsiteX190" fmla="*/ 3116175 w 11269336"/>
              <a:gd name="connsiteY190" fmla="*/ 2131633 h 2323145"/>
              <a:gd name="connsiteX191" fmla="*/ 3103685 w 11269336"/>
              <a:gd name="connsiteY191" fmla="*/ 2132814 h 2323145"/>
              <a:gd name="connsiteX192" fmla="*/ 3078794 w 11269336"/>
              <a:gd name="connsiteY192" fmla="*/ 2137935 h 2323145"/>
              <a:gd name="connsiteX193" fmla="*/ 3074407 w 11269336"/>
              <a:gd name="connsiteY193" fmla="*/ 2136274 h 2323145"/>
              <a:gd name="connsiteX194" fmla="*/ 3037285 w 11269336"/>
              <a:gd name="connsiteY194" fmla="*/ 2139919 h 2323145"/>
              <a:gd name="connsiteX195" fmla="*/ 3036901 w 11269336"/>
              <a:gd name="connsiteY195" fmla="*/ 2138726 h 2323145"/>
              <a:gd name="connsiteX196" fmla="*/ 3026996 w 11269336"/>
              <a:gd name="connsiteY196" fmla="*/ 2134322 h 2323145"/>
              <a:gd name="connsiteX197" fmla="*/ 3007772 w 11269336"/>
              <a:gd name="connsiteY197" fmla="*/ 2128742 h 2323145"/>
              <a:gd name="connsiteX198" fmla="*/ 2965030 w 11269336"/>
              <a:gd name="connsiteY198" fmla="*/ 2100494 h 2323145"/>
              <a:gd name="connsiteX199" fmla="*/ 2926342 w 11269336"/>
              <a:gd name="connsiteY199" fmla="*/ 2104155 h 2323145"/>
              <a:gd name="connsiteX200" fmla="*/ 2918608 w 11269336"/>
              <a:gd name="connsiteY200" fmla="*/ 2104215 h 2323145"/>
              <a:gd name="connsiteX201" fmla="*/ 2918475 w 11269336"/>
              <a:gd name="connsiteY201" fmla="*/ 2103937 h 2323145"/>
              <a:gd name="connsiteX202" fmla="*/ 2910360 w 11269336"/>
              <a:gd name="connsiteY202" fmla="*/ 2103444 h 2323145"/>
              <a:gd name="connsiteX203" fmla="*/ 2904507 w 11269336"/>
              <a:gd name="connsiteY203" fmla="*/ 2104326 h 2323145"/>
              <a:gd name="connsiteX204" fmla="*/ 2889503 w 11269336"/>
              <a:gd name="connsiteY204" fmla="*/ 2104443 h 2323145"/>
              <a:gd name="connsiteX205" fmla="*/ 2884480 w 11269336"/>
              <a:gd name="connsiteY205" fmla="*/ 2102626 h 2323145"/>
              <a:gd name="connsiteX206" fmla="*/ 2882689 w 11269336"/>
              <a:gd name="connsiteY206" fmla="*/ 2099228 h 2323145"/>
              <a:gd name="connsiteX207" fmla="*/ 2881291 w 11269336"/>
              <a:gd name="connsiteY207" fmla="*/ 2099618 h 2323145"/>
              <a:gd name="connsiteX208" fmla="*/ 2853979 w 11269336"/>
              <a:gd name="connsiteY208" fmla="*/ 2090388 h 2323145"/>
              <a:gd name="connsiteX209" fmla="*/ 2791790 w 11269336"/>
              <a:gd name="connsiteY209" fmla="*/ 2080332 h 2323145"/>
              <a:gd name="connsiteX210" fmla="*/ 2755844 w 11269336"/>
              <a:gd name="connsiteY210" fmla="*/ 2078874 h 2323145"/>
              <a:gd name="connsiteX211" fmla="*/ 2657742 w 11269336"/>
              <a:gd name="connsiteY211" fmla="*/ 2070179 h 2323145"/>
              <a:gd name="connsiteX212" fmla="*/ 2559549 w 11269336"/>
              <a:gd name="connsiteY212" fmla="*/ 2057873 h 2323145"/>
              <a:gd name="connsiteX213" fmla="*/ 2512054 w 11269336"/>
              <a:gd name="connsiteY213" fmla="*/ 2031671 h 2323145"/>
              <a:gd name="connsiteX214" fmla="*/ 2506437 w 11269336"/>
              <a:gd name="connsiteY214" fmla="*/ 2030918 h 2323145"/>
              <a:gd name="connsiteX215" fmla="*/ 2491752 w 11269336"/>
              <a:gd name="connsiteY215" fmla="*/ 2033906 h 2323145"/>
              <a:gd name="connsiteX216" fmla="*/ 2486338 w 11269336"/>
              <a:gd name="connsiteY216" fmla="*/ 2035862 h 2323145"/>
              <a:gd name="connsiteX217" fmla="*/ 2478186 w 11269336"/>
              <a:gd name="connsiteY217" fmla="*/ 2036953 h 2323145"/>
              <a:gd name="connsiteX218" fmla="*/ 2477950 w 11269336"/>
              <a:gd name="connsiteY218" fmla="*/ 2036715 h 2323145"/>
              <a:gd name="connsiteX219" fmla="*/ 2470381 w 11269336"/>
              <a:gd name="connsiteY219" fmla="*/ 2038256 h 2323145"/>
              <a:gd name="connsiteX220" fmla="*/ 2433781 w 11269336"/>
              <a:gd name="connsiteY220" fmla="*/ 2049140 h 2323145"/>
              <a:gd name="connsiteX221" fmla="*/ 2381172 w 11269336"/>
              <a:gd name="connsiteY221" fmla="*/ 2030645 h 2323145"/>
              <a:gd name="connsiteX222" fmla="*/ 2360198 w 11269336"/>
              <a:gd name="connsiteY222" fmla="*/ 2029059 h 2323145"/>
              <a:gd name="connsiteX223" fmla="*/ 2348815 w 11269336"/>
              <a:gd name="connsiteY223" fmla="*/ 2026798 h 2323145"/>
              <a:gd name="connsiteX224" fmla="*/ 2347988 w 11269336"/>
              <a:gd name="connsiteY224" fmla="*/ 2025745 h 2323145"/>
              <a:gd name="connsiteX225" fmla="*/ 2312920 w 11269336"/>
              <a:gd name="connsiteY225" fmla="*/ 2036311 h 2323145"/>
              <a:gd name="connsiteX226" fmla="*/ 2307986 w 11269336"/>
              <a:gd name="connsiteY226" fmla="*/ 2035583 h 2323145"/>
              <a:gd name="connsiteX227" fmla="*/ 2285481 w 11269336"/>
              <a:gd name="connsiteY227" fmla="*/ 2045197 h 2323145"/>
              <a:gd name="connsiteX228" fmla="*/ 2273666 w 11269336"/>
              <a:gd name="connsiteY228" fmla="*/ 2048710 h 2323145"/>
              <a:gd name="connsiteX229" fmla="*/ 2270719 w 11269336"/>
              <a:gd name="connsiteY229" fmla="*/ 2052702 h 2323145"/>
              <a:gd name="connsiteX230" fmla="*/ 2253080 w 11269336"/>
              <a:gd name="connsiteY230" fmla="*/ 2056363 h 2323145"/>
              <a:gd name="connsiteX231" fmla="*/ 2250906 w 11269336"/>
              <a:gd name="connsiteY231" fmla="*/ 2055654 h 2323145"/>
              <a:gd name="connsiteX232" fmla="*/ 2236905 w 11269336"/>
              <a:gd name="connsiteY232" fmla="*/ 2062882 h 2323145"/>
              <a:gd name="connsiteX233" fmla="*/ 2225830 w 11269336"/>
              <a:gd name="connsiteY233" fmla="*/ 2074027 h 2323145"/>
              <a:gd name="connsiteX234" fmla="*/ 2073776 w 11269336"/>
              <a:gd name="connsiteY234" fmla="*/ 2089244 h 2323145"/>
              <a:gd name="connsiteX235" fmla="*/ 1948256 w 11269336"/>
              <a:gd name="connsiteY235" fmla="*/ 2146616 h 2323145"/>
              <a:gd name="connsiteX236" fmla="*/ 1865582 w 11269336"/>
              <a:gd name="connsiteY236" fmla="*/ 2153738 h 2323145"/>
              <a:gd name="connsiteX237" fmla="*/ 1835210 w 11269336"/>
              <a:gd name="connsiteY237" fmla="*/ 2134244 h 2323145"/>
              <a:gd name="connsiteX238" fmla="*/ 1632661 w 11269336"/>
              <a:gd name="connsiteY238" fmla="*/ 2173882 h 2323145"/>
              <a:gd name="connsiteX239" fmla="*/ 1579590 w 11269336"/>
              <a:gd name="connsiteY239" fmla="*/ 2173680 h 2323145"/>
              <a:gd name="connsiteX240" fmla="*/ 1535601 w 11269336"/>
              <a:gd name="connsiteY240" fmla="*/ 2194590 h 2323145"/>
              <a:gd name="connsiteX241" fmla="*/ 1515594 w 11269336"/>
              <a:gd name="connsiteY241" fmla="*/ 2189622 h 2323145"/>
              <a:gd name="connsiteX242" fmla="*/ 1512113 w 11269336"/>
              <a:gd name="connsiteY242" fmla="*/ 2188534 h 2323145"/>
              <a:gd name="connsiteX243" fmla="*/ 1498838 w 11269336"/>
              <a:gd name="connsiteY243" fmla="*/ 2189213 h 2323145"/>
              <a:gd name="connsiteX244" fmla="*/ 1494279 w 11269336"/>
              <a:gd name="connsiteY244" fmla="*/ 2183112 h 2323145"/>
              <a:gd name="connsiteX245" fmla="*/ 1473714 w 11269336"/>
              <a:gd name="connsiteY245" fmla="*/ 2179625 h 2323145"/>
              <a:gd name="connsiteX246" fmla="*/ 1449503 w 11269336"/>
              <a:gd name="connsiteY246" fmla="*/ 2182633 h 2323145"/>
              <a:gd name="connsiteX247" fmla="*/ 1266687 w 11269336"/>
              <a:gd name="connsiteY247" fmla="*/ 2212688 h 2323145"/>
              <a:gd name="connsiteX248" fmla="*/ 1239614 w 11269336"/>
              <a:gd name="connsiteY248" fmla="*/ 2209727 h 2323145"/>
              <a:gd name="connsiteX249" fmla="*/ 1202436 w 11269336"/>
              <a:gd name="connsiteY249" fmla="*/ 2209817 h 2323145"/>
              <a:gd name="connsiteX250" fmla="*/ 1136097 w 11269336"/>
              <a:gd name="connsiteY250" fmla="*/ 2205112 h 2323145"/>
              <a:gd name="connsiteX251" fmla="*/ 988232 w 11269336"/>
              <a:gd name="connsiteY251" fmla="*/ 2235635 h 2323145"/>
              <a:gd name="connsiteX252" fmla="*/ 981959 w 11269336"/>
              <a:gd name="connsiteY252" fmla="*/ 2231607 h 2323145"/>
              <a:gd name="connsiteX253" fmla="*/ 938600 w 11269336"/>
              <a:gd name="connsiteY253" fmla="*/ 2238113 h 2323145"/>
              <a:gd name="connsiteX254" fmla="*/ 791788 w 11269336"/>
              <a:gd name="connsiteY254" fmla="*/ 2293224 h 2323145"/>
              <a:gd name="connsiteX255" fmla="*/ 706914 w 11269336"/>
              <a:gd name="connsiteY255" fmla="*/ 2305046 h 2323145"/>
              <a:gd name="connsiteX256" fmla="*/ 675971 w 11269336"/>
              <a:gd name="connsiteY256" fmla="*/ 2304030 h 2323145"/>
              <a:gd name="connsiteX257" fmla="*/ 624180 w 11269336"/>
              <a:gd name="connsiteY257" fmla="*/ 2302650 h 2323145"/>
              <a:gd name="connsiteX258" fmla="*/ 583453 w 11269336"/>
              <a:gd name="connsiteY258" fmla="*/ 2288788 h 2323145"/>
              <a:gd name="connsiteX259" fmla="*/ 540946 w 11269336"/>
              <a:gd name="connsiteY259" fmla="*/ 2292721 h 2323145"/>
              <a:gd name="connsiteX260" fmla="*/ 533680 w 11269336"/>
              <a:gd name="connsiteY260" fmla="*/ 2310233 h 2323145"/>
              <a:gd name="connsiteX261" fmla="*/ 487366 w 11269336"/>
              <a:gd name="connsiteY261" fmla="*/ 2309053 h 2323145"/>
              <a:gd name="connsiteX262" fmla="*/ 416820 w 11269336"/>
              <a:gd name="connsiteY262" fmla="*/ 2305443 h 2323145"/>
              <a:gd name="connsiteX263" fmla="*/ 376805 w 11269336"/>
              <a:gd name="connsiteY263" fmla="*/ 2307647 h 2323145"/>
              <a:gd name="connsiteX264" fmla="*/ 266777 w 11269336"/>
              <a:gd name="connsiteY264" fmla="*/ 2309012 h 2323145"/>
              <a:gd name="connsiteX265" fmla="*/ 156013 w 11269336"/>
              <a:gd name="connsiteY265" fmla="*/ 2306832 h 2323145"/>
              <a:gd name="connsiteX266" fmla="*/ 87258 w 11269336"/>
              <a:gd name="connsiteY266" fmla="*/ 2285511 h 2323145"/>
              <a:gd name="connsiteX267" fmla="*/ 23798 w 11269336"/>
              <a:gd name="connsiteY267" fmla="*/ 2281822 h 2323145"/>
              <a:gd name="connsiteX268" fmla="*/ 0 w 11269336"/>
              <a:gd name="connsiteY268" fmla="*/ 2285369 h 2323145"/>
              <a:gd name="connsiteX269" fmla="*/ 0 w 11269336"/>
              <a:gd name="connsiteY26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837498 w 11269336"/>
              <a:gd name="connsiteY32" fmla="*/ 885664 h 2323145"/>
              <a:gd name="connsiteX33" fmla="*/ 8795998 w 11269336"/>
              <a:gd name="connsiteY33" fmla="*/ 863337 h 2323145"/>
              <a:gd name="connsiteX34" fmla="*/ 8776970 w 11269336"/>
              <a:gd name="connsiteY34" fmla="*/ 885177 h 2323145"/>
              <a:gd name="connsiteX35" fmla="*/ 8755719 w 11269336"/>
              <a:gd name="connsiteY35" fmla="*/ 889754 h 2323145"/>
              <a:gd name="connsiteX36" fmla="*/ 8743257 w 11269336"/>
              <a:gd name="connsiteY36" fmla="*/ 904723 h 2323145"/>
              <a:gd name="connsiteX37" fmla="*/ 8721366 w 11269336"/>
              <a:gd name="connsiteY37" fmla="*/ 904711 h 2323145"/>
              <a:gd name="connsiteX38" fmla="*/ 8678353 w 11269336"/>
              <a:gd name="connsiteY38" fmla="*/ 926318 h 2323145"/>
              <a:gd name="connsiteX39" fmla="*/ 8636849 w 11269336"/>
              <a:gd name="connsiteY39" fmla="*/ 937900 h 2323145"/>
              <a:gd name="connsiteX40" fmla="*/ 8620213 w 11269336"/>
              <a:gd name="connsiteY40" fmla="*/ 943068 h 2323145"/>
              <a:gd name="connsiteX41" fmla="*/ 8612581 w 11269336"/>
              <a:gd name="connsiteY41" fmla="*/ 952695 h 2323145"/>
              <a:gd name="connsiteX42" fmla="*/ 8589038 w 11269336"/>
              <a:gd name="connsiteY42" fmla="*/ 963892 h 2323145"/>
              <a:gd name="connsiteX43" fmla="*/ 8579950 w 11269336"/>
              <a:gd name="connsiteY43" fmla="*/ 960899 h 2323145"/>
              <a:gd name="connsiteX44" fmla="*/ 8579319 w 11269336"/>
              <a:gd name="connsiteY44" fmla="*/ 965630 h 2323145"/>
              <a:gd name="connsiteX45" fmla="*/ 8547429 w 11269336"/>
              <a:gd name="connsiteY45" fmla="*/ 984506 h 2323145"/>
              <a:gd name="connsiteX46" fmla="*/ 8478704 w 11269336"/>
              <a:gd name="connsiteY46" fmla="*/ 1025490 h 2323145"/>
              <a:gd name="connsiteX47" fmla="*/ 8461421 w 11269336"/>
              <a:gd name="connsiteY47" fmla="*/ 1035512 h 2323145"/>
              <a:gd name="connsiteX48" fmla="*/ 8445003 w 11269336"/>
              <a:gd name="connsiteY48" fmla="*/ 1036851 h 2323145"/>
              <a:gd name="connsiteX49" fmla="*/ 8357350 w 11269336"/>
              <a:gd name="connsiteY49" fmla="*/ 1060213 h 2323145"/>
              <a:gd name="connsiteX50" fmla="*/ 8335565 w 11269336"/>
              <a:gd name="connsiteY50" fmla="*/ 1061151 h 2323145"/>
              <a:gd name="connsiteX51" fmla="*/ 8325267 w 11269336"/>
              <a:gd name="connsiteY51" fmla="*/ 1055919 h 2323145"/>
              <a:gd name="connsiteX52" fmla="*/ 8293586 w 11269336"/>
              <a:gd name="connsiteY52" fmla="*/ 1076144 h 2323145"/>
              <a:gd name="connsiteX53" fmla="*/ 8242405 w 11269336"/>
              <a:gd name="connsiteY53" fmla="*/ 1095960 h 2323145"/>
              <a:gd name="connsiteX54" fmla="*/ 8197391 w 11269336"/>
              <a:gd name="connsiteY54" fmla="*/ 1107746 h 2323145"/>
              <a:gd name="connsiteX55" fmla="*/ 8081474 w 11269336"/>
              <a:gd name="connsiteY55" fmla="*/ 1130125 h 2323145"/>
              <a:gd name="connsiteX56" fmla="*/ 8053585 w 11269336"/>
              <a:gd name="connsiteY56" fmla="*/ 1129169 h 2323145"/>
              <a:gd name="connsiteX57" fmla="*/ 8038422 w 11269336"/>
              <a:gd name="connsiteY57" fmla="*/ 1119092 h 2323145"/>
              <a:gd name="connsiteX58" fmla="*/ 8029450 w 11269336"/>
              <a:gd name="connsiteY58" fmla="*/ 1125592 h 2323145"/>
              <a:gd name="connsiteX59" fmla="*/ 7959552 w 11269336"/>
              <a:gd name="connsiteY59" fmla="*/ 1140188 h 2323145"/>
              <a:gd name="connsiteX60" fmla="*/ 7914188 w 11269336"/>
              <a:gd name="connsiteY60" fmla="*/ 1150862 h 2323145"/>
              <a:gd name="connsiteX61" fmla="*/ 7914918 w 11269336"/>
              <a:gd name="connsiteY61" fmla="*/ 1168758 h 2323145"/>
              <a:gd name="connsiteX62" fmla="*/ 7875510 w 11269336"/>
              <a:gd name="connsiteY62" fmla="*/ 1183153 h 2323145"/>
              <a:gd name="connsiteX63" fmla="*/ 7829932 w 11269336"/>
              <a:gd name="connsiteY63" fmla="*/ 1180782 h 2323145"/>
              <a:gd name="connsiteX64" fmla="*/ 7779182 w 11269336"/>
              <a:gd name="connsiteY64" fmla="*/ 1192665 h 2323145"/>
              <a:gd name="connsiteX65" fmla="*/ 7748774 w 11269336"/>
              <a:gd name="connsiteY65" fmla="*/ 1199586 h 2323145"/>
              <a:gd name="connsiteX66" fmla="*/ 7671846 w 11269336"/>
              <a:gd name="connsiteY66" fmla="*/ 1231966 h 2323145"/>
              <a:gd name="connsiteX67" fmla="*/ 7554146 w 11269336"/>
              <a:gd name="connsiteY67" fmla="*/ 1319748 h 2323145"/>
              <a:gd name="connsiteX68" fmla="*/ 7515052 w 11269336"/>
              <a:gd name="connsiteY68" fmla="*/ 1336718 h 2323145"/>
              <a:gd name="connsiteX69" fmla="*/ 7507193 w 11269336"/>
              <a:gd name="connsiteY69" fmla="*/ 1334617 h 2323145"/>
              <a:gd name="connsiteX70" fmla="*/ 7461694 w 11269336"/>
              <a:gd name="connsiteY70" fmla="*/ 1375866 h 2323145"/>
              <a:gd name="connsiteX71" fmla="*/ 7377571 w 11269336"/>
              <a:gd name="connsiteY71" fmla="*/ 1400128 h 2323145"/>
              <a:gd name="connsiteX72" fmla="*/ 7311261 w 11269336"/>
              <a:gd name="connsiteY72" fmla="*/ 1412652 h 2323145"/>
              <a:gd name="connsiteX73" fmla="*/ 7275307 w 11269336"/>
              <a:gd name="connsiteY73" fmla="*/ 1422171 h 2323145"/>
              <a:gd name="connsiteX74" fmla="*/ 7247783 w 11269336"/>
              <a:gd name="connsiteY74" fmla="*/ 1426330 h 2323145"/>
              <a:gd name="connsiteX75" fmla="*/ 7185047 w 11269336"/>
              <a:gd name="connsiteY75" fmla="*/ 1451812 h 2323145"/>
              <a:gd name="connsiteX76" fmla="*/ 7084117 w 11269336"/>
              <a:gd name="connsiteY76" fmla="*/ 1500281 h 2323145"/>
              <a:gd name="connsiteX77" fmla="*/ 7062011 w 11269336"/>
              <a:gd name="connsiteY77" fmla="*/ 1509183 h 2323145"/>
              <a:gd name="connsiteX78" fmla="*/ 7040555 w 11269336"/>
              <a:gd name="connsiteY78" fmla="*/ 1511207 h 2323145"/>
              <a:gd name="connsiteX79" fmla="*/ 7033438 w 11269336"/>
              <a:gd name="connsiteY79" fmla="*/ 1506772 h 2323145"/>
              <a:gd name="connsiteX80" fmla="*/ 7020886 w 11269336"/>
              <a:gd name="connsiteY80" fmla="*/ 1510764 h 2323145"/>
              <a:gd name="connsiteX81" fmla="*/ 7017033 w 11269336"/>
              <a:gd name="connsiteY81" fmla="*/ 1510650 h 2323145"/>
              <a:gd name="connsiteX82" fmla="*/ 6995460 w 11269336"/>
              <a:gd name="connsiteY82" fmla="*/ 1511173 h 2323145"/>
              <a:gd name="connsiteX83" fmla="*/ 6962144 w 11269336"/>
              <a:gd name="connsiteY83" fmla="*/ 1541508 h 2323145"/>
              <a:gd name="connsiteX84" fmla="*/ 6910674 w 11269336"/>
              <a:gd name="connsiteY84" fmla="*/ 1554793 h 2323145"/>
              <a:gd name="connsiteX85" fmla="*/ 6732152 w 11269336"/>
              <a:gd name="connsiteY85" fmla="*/ 1642538 h 2323145"/>
              <a:gd name="connsiteX86" fmla="*/ 6694106 w 11269336"/>
              <a:gd name="connsiteY86" fmla="*/ 1632377 h 2323145"/>
              <a:gd name="connsiteX87" fmla="*/ 6617223 w 11269336"/>
              <a:gd name="connsiteY87" fmla="*/ 1659889 h 2323145"/>
              <a:gd name="connsiteX88" fmla="*/ 6521138 w 11269336"/>
              <a:gd name="connsiteY88" fmla="*/ 1744340 h 2323145"/>
              <a:gd name="connsiteX89" fmla="*/ 6380677 w 11269336"/>
              <a:gd name="connsiteY89" fmla="*/ 1796883 h 2323145"/>
              <a:gd name="connsiteX90" fmla="*/ 6374897 w 11269336"/>
              <a:gd name="connsiteY90" fmla="*/ 1809910 h 2323145"/>
              <a:gd name="connsiteX91" fmla="*/ 6364545 w 11269336"/>
              <a:gd name="connsiteY91" fmla="*/ 1820090 h 2323145"/>
              <a:gd name="connsiteX92" fmla="*/ 6362126 w 11269336"/>
              <a:gd name="connsiteY92" fmla="*/ 1819991 h 2323145"/>
              <a:gd name="connsiteX93" fmla="*/ 6346673 w 11269336"/>
              <a:gd name="connsiteY93" fmla="*/ 1827824 h 2323145"/>
              <a:gd name="connsiteX94" fmla="*/ 6345588 w 11269336"/>
              <a:gd name="connsiteY94" fmla="*/ 1832232 h 2323145"/>
              <a:gd name="connsiteX95" fmla="*/ 6335708 w 11269336"/>
              <a:gd name="connsiteY95" fmla="*/ 1838451 h 2323145"/>
              <a:gd name="connsiteX96" fmla="*/ 6318182 w 11269336"/>
              <a:gd name="connsiteY96" fmla="*/ 1852975 h 2323145"/>
              <a:gd name="connsiteX97" fmla="*/ 6313084 w 11269336"/>
              <a:gd name="connsiteY97" fmla="*/ 1853561 h 2323145"/>
              <a:gd name="connsiteX98" fmla="*/ 6283816 w 11269336"/>
              <a:gd name="connsiteY98" fmla="*/ 1872148 h 2323145"/>
              <a:gd name="connsiteX99" fmla="*/ 6282550 w 11269336"/>
              <a:gd name="connsiteY99" fmla="*/ 1871392 h 2323145"/>
              <a:gd name="connsiteX100" fmla="*/ 6270527 w 11269336"/>
              <a:gd name="connsiteY100" fmla="*/ 1872208 h 2323145"/>
              <a:gd name="connsiteX101" fmla="*/ 6249518 w 11269336"/>
              <a:gd name="connsiteY101" fmla="*/ 1876079 h 2323145"/>
              <a:gd name="connsiteX102" fmla="*/ 6190386 w 11269336"/>
              <a:gd name="connsiteY102" fmla="*/ 1872478 h 2323145"/>
              <a:gd name="connsiteX103" fmla="*/ 6159777 w 11269336"/>
              <a:gd name="connsiteY103" fmla="*/ 1891745 h 2323145"/>
              <a:gd name="connsiteX104" fmla="*/ 6153131 w 11269336"/>
              <a:gd name="connsiteY104" fmla="*/ 1895079 h 2323145"/>
              <a:gd name="connsiteX105" fmla="*/ 6152798 w 11269336"/>
              <a:gd name="connsiteY105" fmla="*/ 1894920 h 2323145"/>
              <a:gd name="connsiteX106" fmla="*/ 6145388 w 11269336"/>
              <a:gd name="connsiteY106" fmla="*/ 1897990 h 2323145"/>
              <a:gd name="connsiteX107" fmla="*/ 6141014 w 11269336"/>
              <a:gd name="connsiteY107" fmla="*/ 1901155 h 2323145"/>
              <a:gd name="connsiteX108" fmla="*/ 6128122 w 11269336"/>
              <a:gd name="connsiteY108" fmla="*/ 1907623 h 2323145"/>
              <a:gd name="connsiteX109" fmla="*/ 6122351 w 11269336"/>
              <a:gd name="connsiteY109" fmla="*/ 1908359 h 2323145"/>
              <a:gd name="connsiteX110" fmla="*/ 6064750 w 11269336"/>
              <a:gd name="connsiteY110" fmla="*/ 1896394 h 2323145"/>
              <a:gd name="connsiteX111" fmla="*/ 5964230 w 11269336"/>
              <a:gd name="connsiteY111" fmla="*/ 1910038 h 2323145"/>
              <a:gd name="connsiteX112" fmla="*/ 5865399 w 11269336"/>
              <a:gd name="connsiteY112" fmla="*/ 1926966 h 2323145"/>
              <a:gd name="connsiteX113" fmla="*/ 5829951 w 11269336"/>
              <a:gd name="connsiteY113" fmla="*/ 1934755 h 2323145"/>
              <a:gd name="connsiteX114" fmla="*/ 5765285 w 11269336"/>
              <a:gd name="connsiteY114" fmla="*/ 1941322 h 2323145"/>
              <a:gd name="connsiteX115" fmla="*/ 5734750 w 11269336"/>
              <a:gd name="connsiteY115" fmla="*/ 1939793 h 2323145"/>
              <a:gd name="connsiteX116" fmla="*/ 5733569 w 11269336"/>
              <a:gd name="connsiteY116" fmla="*/ 1940505 h 2323145"/>
              <a:gd name="connsiteX117" fmla="*/ 5730329 w 11269336"/>
              <a:gd name="connsiteY117" fmla="*/ 1937845 h 2323145"/>
              <a:gd name="connsiteX118" fmla="*/ 5724661 w 11269336"/>
              <a:gd name="connsiteY118" fmla="*/ 1937455 h 2323145"/>
              <a:gd name="connsiteX119" fmla="*/ 5710186 w 11269336"/>
              <a:gd name="connsiteY119" fmla="*/ 1941370 h 2323145"/>
              <a:gd name="connsiteX120" fmla="*/ 5704910 w 11269336"/>
              <a:gd name="connsiteY120" fmla="*/ 1943663 h 2323145"/>
              <a:gd name="connsiteX121" fmla="*/ 5696836 w 11269336"/>
              <a:gd name="connsiteY121" fmla="*/ 1945271 h 2323145"/>
              <a:gd name="connsiteX122" fmla="*/ 5696583 w 11269336"/>
              <a:gd name="connsiteY122" fmla="*/ 1945050 h 2323145"/>
              <a:gd name="connsiteX123" fmla="*/ 5689123 w 11269336"/>
              <a:gd name="connsiteY123" fmla="*/ 1947067 h 2323145"/>
              <a:gd name="connsiteX124" fmla="*/ 5653291 w 11269336"/>
              <a:gd name="connsiteY124" fmla="*/ 1960245 h 2323145"/>
              <a:gd name="connsiteX125" fmla="*/ 5599385 w 11269336"/>
              <a:gd name="connsiteY125" fmla="*/ 1945198 h 2323145"/>
              <a:gd name="connsiteX126" fmla="*/ 5578300 w 11269336"/>
              <a:gd name="connsiteY126" fmla="*/ 1944963 h 2323145"/>
              <a:gd name="connsiteX127" fmla="*/ 5566758 w 11269336"/>
              <a:gd name="connsiteY127" fmla="*/ 1943441 h 2323145"/>
              <a:gd name="connsiteX128" fmla="*/ 5565857 w 11269336"/>
              <a:gd name="connsiteY128" fmla="*/ 1942445 h 2323145"/>
              <a:gd name="connsiteX129" fmla="*/ 5531534 w 11269336"/>
              <a:gd name="connsiteY129" fmla="*/ 1955208 h 2323145"/>
              <a:gd name="connsiteX130" fmla="*/ 5526552 w 11269336"/>
              <a:gd name="connsiteY130" fmla="*/ 1954799 h 2323145"/>
              <a:gd name="connsiteX131" fmla="*/ 5504723 w 11269336"/>
              <a:gd name="connsiteY131" fmla="*/ 1965811 h 2323145"/>
              <a:gd name="connsiteX132" fmla="*/ 5493156 w 11269336"/>
              <a:gd name="connsiteY132" fmla="*/ 1970063 h 2323145"/>
              <a:gd name="connsiteX133" fmla="*/ 5490486 w 11269336"/>
              <a:gd name="connsiteY133" fmla="*/ 1974227 h 2323145"/>
              <a:gd name="connsiteX134" fmla="*/ 5473107 w 11269336"/>
              <a:gd name="connsiteY134" fmla="*/ 1979001 h 2323145"/>
              <a:gd name="connsiteX135" fmla="*/ 5470885 w 11269336"/>
              <a:gd name="connsiteY135" fmla="*/ 1978432 h 2323145"/>
              <a:gd name="connsiteX136" fmla="*/ 5457393 w 11269336"/>
              <a:gd name="connsiteY136" fmla="*/ 1986525 h 2323145"/>
              <a:gd name="connsiteX137" fmla="*/ 5447102 w 11269336"/>
              <a:gd name="connsiteY137" fmla="*/ 1998329 h 2323145"/>
              <a:gd name="connsiteX138" fmla="*/ 5159151 w 11269336"/>
              <a:gd name="connsiteY138" fmla="*/ 2029640 h 2323145"/>
              <a:gd name="connsiteX139" fmla="*/ 5041688 w 11269336"/>
              <a:gd name="connsiteY139" fmla="*/ 2022334 h 2323145"/>
              <a:gd name="connsiteX140" fmla="*/ 4860988 w 11269336"/>
              <a:gd name="connsiteY140" fmla="*/ 2135698 h 2323145"/>
              <a:gd name="connsiteX141" fmla="*/ 4807902 w 11269336"/>
              <a:gd name="connsiteY141" fmla="*/ 2138894 h 2323145"/>
              <a:gd name="connsiteX142" fmla="*/ 4765388 w 11269336"/>
              <a:gd name="connsiteY142" fmla="*/ 2162525 h 2323145"/>
              <a:gd name="connsiteX143" fmla="*/ 4745033 w 11269336"/>
              <a:gd name="connsiteY143" fmla="*/ 2158859 h 2323145"/>
              <a:gd name="connsiteX144" fmla="*/ 4741475 w 11269336"/>
              <a:gd name="connsiteY144" fmla="*/ 2157998 h 2323145"/>
              <a:gd name="connsiteX145" fmla="*/ 4728247 w 11269336"/>
              <a:gd name="connsiteY145" fmla="*/ 2159526 h 2323145"/>
              <a:gd name="connsiteX146" fmla="*/ 4723263 w 11269336"/>
              <a:gd name="connsiteY146" fmla="*/ 2153742 h 2323145"/>
              <a:gd name="connsiteX147" fmla="*/ 4702453 w 11269336"/>
              <a:gd name="connsiteY147" fmla="*/ 2151586 h 2323145"/>
              <a:gd name="connsiteX148" fmla="*/ 4678455 w 11269336"/>
              <a:gd name="connsiteY148" fmla="*/ 2156131 h 2323145"/>
              <a:gd name="connsiteX149" fmla="*/ 4593061 w 11269336"/>
              <a:gd name="connsiteY149" fmla="*/ 2171597 h 2323145"/>
              <a:gd name="connsiteX150" fmla="*/ 4579902 w 11269336"/>
              <a:gd name="connsiteY150" fmla="*/ 2177927 h 2323145"/>
              <a:gd name="connsiteX151" fmla="*/ 4533444 w 11269336"/>
              <a:gd name="connsiteY151" fmla="*/ 2181200 h 2323145"/>
              <a:gd name="connsiteX152" fmla="*/ 4492832 w 11269336"/>
              <a:gd name="connsiteY152" fmla="*/ 2188033 h 2323145"/>
              <a:gd name="connsiteX153" fmla="*/ 4467257 w 11269336"/>
              <a:gd name="connsiteY153" fmla="*/ 2196121 h 2323145"/>
              <a:gd name="connsiteX154" fmla="*/ 4459937 w 11269336"/>
              <a:gd name="connsiteY154" fmla="*/ 2195182 h 2323145"/>
              <a:gd name="connsiteX155" fmla="*/ 4433312 w 11269336"/>
              <a:gd name="connsiteY155" fmla="*/ 2199004 h 2323145"/>
              <a:gd name="connsiteX156" fmla="*/ 4420601 w 11269336"/>
              <a:gd name="connsiteY156" fmla="*/ 2205158 h 2323145"/>
              <a:gd name="connsiteX157" fmla="*/ 4405765 w 11269336"/>
              <a:gd name="connsiteY157" fmla="*/ 2199902 h 2323145"/>
              <a:gd name="connsiteX158" fmla="*/ 4401354 w 11269336"/>
              <a:gd name="connsiteY158" fmla="*/ 2194745 h 2323145"/>
              <a:gd name="connsiteX159" fmla="*/ 4383151 w 11269336"/>
              <a:gd name="connsiteY159" fmla="*/ 2201140 h 2323145"/>
              <a:gd name="connsiteX160" fmla="*/ 4366646 w 11269336"/>
              <a:gd name="connsiteY160" fmla="*/ 2198564 h 2323145"/>
              <a:gd name="connsiteX161" fmla="*/ 4354009 w 11269336"/>
              <a:gd name="connsiteY161" fmla="*/ 2204984 h 2323145"/>
              <a:gd name="connsiteX162" fmla="*/ 4348284 w 11269336"/>
              <a:gd name="connsiteY162" fmla="*/ 2205270 h 2323145"/>
              <a:gd name="connsiteX163" fmla="*/ 4333906 w 11269336"/>
              <a:gd name="connsiteY163" fmla="*/ 2205251 h 2323145"/>
              <a:gd name="connsiteX164" fmla="*/ 4308819 w 11269336"/>
              <a:gd name="connsiteY164" fmla="*/ 2203822 h 2323145"/>
              <a:gd name="connsiteX165" fmla="*/ 4301210 w 11269336"/>
              <a:gd name="connsiteY165" fmla="*/ 2204456 h 2323145"/>
              <a:gd name="connsiteX166" fmla="*/ 4283095 w 11269336"/>
              <a:gd name="connsiteY166" fmla="*/ 2198177 h 2323145"/>
              <a:gd name="connsiteX167" fmla="*/ 4250119 w 11269336"/>
              <a:gd name="connsiteY167" fmla="*/ 2196342 h 2323145"/>
              <a:gd name="connsiteX168" fmla="*/ 4189203 w 11269336"/>
              <a:gd name="connsiteY168" fmla="*/ 2178994 h 2323145"/>
              <a:gd name="connsiteX169" fmla="*/ 4154035 w 11269336"/>
              <a:gd name="connsiteY169" fmla="*/ 2171950 h 2323145"/>
              <a:gd name="connsiteX170" fmla="*/ 4129569 w 11269336"/>
              <a:gd name="connsiteY170" fmla="*/ 2163850 h 2323145"/>
              <a:gd name="connsiteX171" fmla="*/ 4061250 w 11269336"/>
              <a:gd name="connsiteY171" fmla="*/ 2159236 h 2323145"/>
              <a:gd name="connsiteX172" fmla="*/ 3945480 w 11269336"/>
              <a:gd name="connsiteY172" fmla="*/ 2158279 h 2323145"/>
              <a:gd name="connsiteX173" fmla="*/ 3921468 w 11269336"/>
              <a:gd name="connsiteY173" fmla="*/ 2156588 h 2323145"/>
              <a:gd name="connsiteX174" fmla="*/ 3903348 w 11269336"/>
              <a:gd name="connsiteY174" fmla="*/ 2149220 h 2323145"/>
              <a:gd name="connsiteX175" fmla="*/ 3901342 w 11269336"/>
              <a:gd name="connsiteY175" fmla="*/ 2142355 h 2323145"/>
              <a:gd name="connsiteX176" fmla="*/ 3888539 w 11269336"/>
              <a:gd name="connsiteY176" fmla="*/ 2140476 h 2323145"/>
              <a:gd name="connsiteX177" fmla="*/ 3885662 w 11269336"/>
              <a:gd name="connsiteY177" fmla="*/ 2138740 h 2323145"/>
              <a:gd name="connsiteX178" fmla="*/ 3868627 w 11269336"/>
              <a:gd name="connsiteY178" fmla="*/ 2130023 h 2323145"/>
              <a:gd name="connsiteX179" fmla="*/ 3819177 w 11269336"/>
              <a:gd name="connsiteY179" fmla="*/ 2142111 h 2323145"/>
              <a:gd name="connsiteX180" fmla="*/ 3769100 w 11269336"/>
              <a:gd name="connsiteY180" fmla="*/ 2131731 h 2323145"/>
              <a:gd name="connsiteX181" fmla="*/ 3562752 w 11269336"/>
              <a:gd name="connsiteY181" fmla="*/ 2131785 h 2323145"/>
              <a:gd name="connsiteX182" fmla="*/ 3541402 w 11269336"/>
              <a:gd name="connsiteY182" fmla="*/ 2106821 h 2323145"/>
              <a:gd name="connsiteX183" fmla="*/ 3365341 w 11269336"/>
              <a:gd name="connsiteY183" fmla="*/ 2077638 h 2323145"/>
              <a:gd name="connsiteX184" fmla="*/ 3170922 w 11269336"/>
              <a:gd name="connsiteY184" fmla="*/ 2115957 h 2323145"/>
              <a:gd name="connsiteX185" fmla="*/ 3156256 w 11269336"/>
              <a:gd name="connsiteY185" fmla="*/ 2124773 h 2323145"/>
              <a:gd name="connsiteX186" fmla="*/ 3140298 w 11269336"/>
              <a:gd name="connsiteY186" fmla="*/ 2129182 h 2323145"/>
              <a:gd name="connsiteX187" fmla="*/ 3138514 w 11269336"/>
              <a:gd name="connsiteY187" fmla="*/ 2128069 h 2323145"/>
              <a:gd name="connsiteX188" fmla="*/ 3120467 w 11269336"/>
              <a:gd name="connsiteY188" fmla="*/ 2128281 h 2323145"/>
              <a:gd name="connsiteX189" fmla="*/ 3116175 w 11269336"/>
              <a:gd name="connsiteY189" fmla="*/ 2131633 h 2323145"/>
              <a:gd name="connsiteX190" fmla="*/ 3103685 w 11269336"/>
              <a:gd name="connsiteY190" fmla="*/ 2132814 h 2323145"/>
              <a:gd name="connsiteX191" fmla="*/ 3078794 w 11269336"/>
              <a:gd name="connsiteY191" fmla="*/ 2137935 h 2323145"/>
              <a:gd name="connsiteX192" fmla="*/ 3074407 w 11269336"/>
              <a:gd name="connsiteY192" fmla="*/ 2136274 h 2323145"/>
              <a:gd name="connsiteX193" fmla="*/ 3037285 w 11269336"/>
              <a:gd name="connsiteY193" fmla="*/ 2139919 h 2323145"/>
              <a:gd name="connsiteX194" fmla="*/ 3036901 w 11269336"/>
              <a:gd name="connsiteY194" fmla="*/ 2138726 h 2323145"/>
              <a:gd name="connsiteX195" fmla="*/ 3026996 w 11269336"/>
              <a:gd name="connsiteY195" fmla="*/ 2134322 h 2323145"/>
              <a:gd name="connsiteX196" fmla="*/ 3007772 w 11269336"/>
              <a:gd name="connsiteY196" fmla="*/ 2128742 h 2323145"/>
              <a:gd name="connsiteX197" fmla="*/ 2965030 w 11269336"/>
              <a:gd name="connsiteY197" fmla="*/ 2100494 h 2323145"/>
              <a:gd name="connsiteX198" fmla="*/ 2926342 w 11269336"/>
              <a:gd name="connsiteY198" fmla="*/ 2104155 h 2323145"/>
              <a:gd name="connsiteX199" fmla="*/ 2918608 w 11269336"/>
              <a:gd name="connsiteY199" fmla="*/ 2104215 h 2323145"/>
              <a:gd name="connsiteX200" fmla="*/ 2918475 w 11269336"/>
              <a:gd name="connsiteY200" fmla="*/ 2103937 h 2323145"/>
              <a:gd name="connsiteX201" fmla="*/ 2910360 w 11269336"/>
              <a:gd name="connsiteY201" fmla="*/ 2103444 h 2323145"/>
              <a:gd name="connsiteX202" fmla="*/ 2904507 w 11269336"/>
              <a:gd name="connsiteY202" fmla="*/ 2104326 h 2323145"/>
              <a:gd name="connsiteX203" fmla="*/ 2889503 w 11269336"/>
              <a:gd name="connsiteY203" fmla="*/ 2104443 h 2323145"/>
              <a:gd name="connsiteX204" fmla="*/ 2884480 w 11269336"/>
              <a:gd name="connsiteY204" fmla="*/ 2102626 h 2323145"/>
              <a:gd name="connsiteX205" fmla="*/ 2882689 w 11269336"/>
              <a:gd name="connsiteY205" fmla="*/ 2099228 h 2323145"/>
              <a:gd name="connsiteX206" fmla="*/ 2881291 w 11269336"/>
              <a:gd name="connsiteY206" fmla="*/ 2099618 h 2323145"/>
              <a:gd name="connsiteX207" fmla="*/ 2853979 w 11269336"/>
              <a:gd name="connsiteY207" fmla="*/ 2090388 h 2323145"/>
              <a:gd name="connsiteX208" fmla="*/ 2791790 w 11269336"/>
              <a:gd name="connsiteY208" fmla="*/ 2080332 h 2323145"/>
              <a:gd name="connsiteX209" fmla="*/ 2755844 w 11269336"/>
              <a:gd name="connsiteY209" fmla="*/ 2078874 h 2323145"/>
              <a:gd name="connsiteX210" fmla="*/ 2657742 w 11269336"/>
              <a:gd name="connsiteY210" fmla="*/ 2070179 h 2323145"/>
              <a:gd name="connsiteX211" fmla="*/ 2559549 w 11269336"/>
              <a:gd name="connsiteY211" fmla="*/ 2057873 h 2323145"/>
              <a:gd name="connsiteX212" fmla="*/ 2512054 w 11269336"/>
              <a:gd name="connsiteY212" fmla="*/ 2031671 h 2323145"/>
              <a:gd name="connsiteX213" fmla="*/ 2506437 w 11269336"/>
              <a:gd name="connsiteY213" fmla="*/ 2030918 h 2323145"/>
              <a:gd name="connsiteX214" fmla="*/ 2491752 w 11269336"/>
              <a:gd name="connsiteY214" fmla="*/ 2033906 h 2323145"/>
              <a:gd name="connsiteX215" fmla="*/ 2486338 w 11269336"/>
              <a:gd name="connsiteY215" fmla="*/ 2035862 h 2323145"/>
              <a:gd name="connsiteX216" fmla="*/ 2478186 w 11269336"/>
              <a:gd name="connsiteY216" fmla="*/ 2036953 h 2323145"/>
              <a:gd name="connsiteX217" fmla="*/ 2477950 w 11269336"/>
              <a:gd name="connsiteY217" fmla="*/ 2036715 h 2323145"/>
              <a:gd name="connsiteX218" fmla="*/ 2470381 w 11269336"/>
              <a:gd name="connsiteY218" fmla="*/ 2038256 h 2323145"/>
              <a:gd name="connsiteX219" fmla="*/ 2433781 w 11269336"/>
              <a:gd name="connsiteY219" fmla="*/ 2049140 h 2323145"/>
              <a:gd name="connsiteX220" fmla="*/ 2381172 w 11269336"/>
              <a:gd name="connsiteY220" fmla="*/ 2030645 h 2323145"/>
              <a:gd name="connsiteX221" fmla="*/ 2360198 w 11269336"/>
              <a:gd name="connsiteY221" fmla="*/ 2029059 h 2323145"/>
              <a:gd name="connsiteX222" fmla="*/ 2348815 w 11269336"/>
              <a:gd name="connsiteY222" fmla="*/ 2026798 h 2323145"/>
              <a:gd name="connsiteX223" fmla="*/ 2347988 w 11269336"/>
              <a:gd name="connsiteY223" fmla="*/ 2025745 h 2323145"/>
              <a:gd name="connsiteX224" fmla="*/ 2312920 w 11269336"/>
              <a:gd name="connsiteY224" fmla="*/ 2036311 h 2323145"/>
              <a:gd name="connsiteX225" fmla="*/ 2307986 w 11269336"/>
              <a:gd name="connsiteY225" fmla="*/ 2035583 h 2323145"/>
              <a:gd name="connsiteX226" fmla="*/ 2285481 w 11269336"/>
              <a:gd name="connsiteY226" fmla="*/ 2045197 h 2323145"/>
              <a:gd name="connsiteX227" fmla="*/ 2273666 w 11269336"/>
              <a:gd name="connsiteY227" fmla="*/ 2048710 h 2323145"/>
              <a:gd name="connsiteX228" fmla="*/ 2270719 w 11269336"/>
              <a:gd name="connsiteY228" fmla="*/ 2052702 h 2323145"/>
              <a:gd name="connsiteX229" fmla="*/ 2253080 w 11269336"/>
              <a:gd name="connsiteY229" fmla="*/ 2056363 h 2323145"/>
              <a:gd name="connsiteX230" fmla="*/ 2250906 w 11269336"/>
              <a:gd name="connsiteY230" fmla="*/ 2055654 h 2323145"/>
              <a:gd name="connsiteX231" fmla="*/ 2236905 w 11269336"/>
              <a:gd name="connsiteY231" fmla="*/ 2062882 h 2323145"/>
              <a:gd name="connsiteX232" fmla="*/ 2225830 w 11269336"/>
              <a:gd name="connsiteY232" fmla="*/ 2074027 h 2323145"/>
              <a:gd name="connsiteX233" fmla="*/ 2073776 w 11269336"/>
              <a:gd name="connsiteY233" fmla="*/ 2089244 h 2323145"/>
              <a:gd name="connsiteX234" fmla="*/ 1948256 w 11269336"/>
              <a:gd name="connsiteY234" fmla="*/ 2146616 h 2323145"/>
              <a:gd name="connsiteX235" fmla="*/ 1865582 w 11269336"/>
              <a:gd name="connsiteY235" fmla="*/ 2153738 h 2323145"/>
              <a:gd name="connsiteX236" fmla="*/ 1835210 w 11269336"/>
              <a:gd name="connsiteY236" fmla="*/ 2134244 h 2323145"/>
              <a:gd name="connsiteX237" fmla="*/ 1632661 w 11269336"/>
              <a:gd name="connsiteY237" fmla="*/ 2173882 h 2323145"/>
              <a:gd name="connsiteX238" fmla="*/ 1579590 w 11269336"/>
              <a:gd name="connsiteY238" fmla="*/ 2173680 h 2323145"/>
              <a:gd name="connsiteX239" fmla="*/ 1535601 w 11269336"/>
              <a:gd name="connsiteY239" fmla="*/ 2194590 h 2323145"/>
              <a:gd name="connsiteX240" fmla="*/ 1515594 w 11269336"/>
              <a:gd name="connsiteY240" fmla="*/ 2189622 h 2323145"/>
              <a:gd name="connsiteX241" fmla="*/ 1512113 w 11269336"/>
              <a:gd name="connsiteY241" fmla="*/ 2188534 h 2323145"/>
              <a:gd name="connsiteX242" fmla="*/ 1498838 w 11269336"/>
              <a:gd name="connsiteY242" fmla="*/ 2189213 h 2323145"/>
              <a:gd name="connsiteX243" fmla="*/ 1494279 w 11269336"/>
              <a:gd name="connsiteY243" fmla="*/ 2183112 h 2323145"/>
              <a:gd name="connsiteX244" fmla="*/ 1473714 w 11269336"/>
              <a:gd name="connsiteY244" fmla="*/ 2179625 h 2323145"/>
              <a:gd name="connsiteX245" fmla="*/ 1449503 w 11269336"/>
              <a:gd name="connsiteY245" fmla="*/ 2182633 h 2323145"/>
              <a:gd name="connsiteX246" fmla="*/ 1266687 w 11269336"/>
              <a:gd name="connsiteY246" fmla="*/ 2212688 h 2323145"/>
              <a:gd name="connsiteX247" fmla="*/ 1239614 w 11269336"/>
              <a:gd name="connsiteY247" fmla="*/ 2209727 h 2323145"/>
              <a:gd name="connsiteX248" fmla="*/ 1202436 w 11269336"/>
              <a:gd name="connsiteY248" fmla="*/ 2209817 h 2323145"/>
              <a:gd name="connsiteX249" fmla="*/ 1136097 w 11269336"/>
              <a:gd name="connsiteY249" fmla="*/ 2205112 h 2323145"/>
              <a:gd name="connsiteX250" fmla="*/ 988232 w 11269336"/>
              <a:gd name="connsiteY250" fmla="*/ 2235635 h 2323145"/>
              <a:gd name="connsiteX251" fmla="*/ 981959 w 11269336"/>
              <a:gd name="connsiteY251" fmla="*/ 2231607 h 2323145"/>
              <a:gd name="connsiteX252" fmla="*/ 938600 w 11269336"/>
              <a:gd name="connsiteY252" fmla="*/ 2238113 h 2323145"/>
              <a:gd name="connsiteX253" fmla="*/ 791788 w 11269336"/>
              <a:gd name="connsiteY253" fmla="*/ 2293224 h 2323145"/>
              <a:gd name="connsiteX254" fmla="*/ 706914 w 11269336"/>
              <a:gd name="connsiteY254" fmla="*/ 2305046 h 2323145"/>
              <a:gd name="connsiteX255" fmla="*/ 675971 w 11269336"/>
              <a:gd name="connsiteY255" fmla="*/ 2304030 h 2323145"/>
              <a:gd name="connsiteX256" fmla="*/ 624180 w 11269336"/>
              <a:gd name="connsiteY256" fmla="*/ 2302650 h 2323145"/>
              <a:gd name="connsiteX257" fmla="*/ 583453 w 11269336"/>
              <a:gd name="connsiteY257" fmla="*/ 2288788 h 2323145"/>
              <a:gd name="connsiteX258" fmla="*/ 540946 w 11269336"/>
              <a:gd name="connsiteY258" fmla="*/ 2292721 h 2323145"/>
              <a:gd name="connsiteX259" fmla="*/ 533680 w 11269336"/>
              <a:gd name="connsiteY259" fmla="*/ 2310233 h 2323145"/>
              <a:gd name="connsiteX260" fmla="*/ 487366 w 11269336"/>
              <a:gd name="connsiteY260" fmla="*/ 2309053 h 2323145"/>
              <a:gd name="connsiteX261" fmla="*/ 416820 w 11269336"/>
              <a:gd name="connsiteY261" fmla="*/ 2305443 h 2323145"/>
              <a:gd name="connsiteX262" fmla="*/ 376805 w 11269336"/>
              <a:gd name="connsiteY262" fmla="*/ 2307647 h 2323145"/>
              <a:gd name="connsiteX263" fmla="*/ 266777 w 11269336"/>
              <a:gd name="connsiteY263" fmla="*/ 2309012 h 2323145"/>
              <a:gd name="connsiteX264" fmla="*/ 156013 w 11269336"/>
              <a:gd name="connsiteY264" fmla="*/ 2306832 h 2323145"/>
              <a:gd name="connsiteX265" fmla="*/ 87258 w 11269336"/>
              <a:gd name="connsiteY265" fmla="*/ 2285511 h 2323145"/>
              <a:gd name="connsiteX266" fmla="*/ 23798 w 11269336"/>
              <a:gd name="connsiteY266" fmla="*/ 2281822 h 2323145"/>
              <a:gd name="connsiteX267" fmla="*/ 0 w 11269336"/>
              <a:gd name="connsiteY267" fmla="*/ 2285369 h 2323145"/>
              <a:gd name="connsiteX268" fmla="*/ 0 w 11269336"/>
              <a:gd name="connsiteY26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561831 w 11269336"/>
              <a:gd name="connsiteY19" fmla="*/ 547649 h 2323145"/>
              <a:gd name="connsiteX20" fmla="*/ 9380600 w 11269336"/>
              <a:gd name="connsiteY20" fmla="*/ 549821 h 2323145"/>
              <a:gd name="connsiteX21" fmla="*/ 9139429 w 11269336"/>
              <a:gd name="connsiteY21" fmla="*/ 696446 h 2323145"/>
              <a:gd name="connsiteX22" fmla="*/ 9114263 w 11269336"/>
              <a:gd name="connsiteY22" fmla="*/ 709213 h 2323145"/>
              <a:gd name="connsiteX23" fmla="*/ 9028928 w 11269336"/>
              <a:gd name="connsiteY23" fmla="*/ 745350 h 2323145"/>
              <a:gd name="connsiteX24" fmla="*/ 8977138 w 11269336"/>
              <a:gd name="connsiteY24" fmla="*/ 774970 h 2323145"/>
              <a:gd name="connsiteX25" fmla="*/ 8947030 w 11269336"/>
              <a:gd name="connsiteY25" fmla="*/ 814934 h 2323145"/>
              <a:gd name="connsiteX26" fmla="*/ 8914746 w 11269336"/>
              <a:gd name="connsiteY26" fmla="*/ 826428 h 2323145"/>
              <a:gd name="connsiteX27" fmla="*/ 8917778 w 11269336"/>
              <a:gd name="connsiteY27" fmla="*/ 835198 h 2323145"/>
              <a:gd name="connsiteX28" fmla="*/ 8905560 w 11269336"/>
              <a:gd name="connsiteY28" fmla="*/ 838358 h 2323145"/>
              <a:gd name="connsiteX29" fmla="*/ 8897564 w 11269336"/>
              <a:gd name="connsiteY29" fmla="*/ 834287 h 2323145"/>
              <a:gd name="connsiteX30" fmla="*/ 8878040 w 11269336"/>
              <a:gd name="connsiteY30" fmla="*/ 844150 h 2323145"/>
              <a:gd name="connsiteX31" fmla="*/ 8882654 w 11269336"/>
              <a:gd name="connsiteY31" fmla="*/ 892768 h 2323145"/>
              <a:gd name="connsiteX32" fmla="*/ 8795998 w 11269336"/>
              <a:gd name="connsiteY32" fmla="*/ 863337 h 2323145"/>
              <a:gd name="connsiteX33" fmla="*/ 8776970 w 11269336"/>
              <a:gd name="connsiteY33" fmla="*/ 885177 h 2323145"/>
              <a:gd name="connsiteX34" fmla="*/ 8755719 w 11269336"/>
              <a:gd name="connsiteY34" fmla="*/ 889754 h 2323145"/>
              <a:gd name="connsiteX35" fmla="*/ 8743257 w 11269336"/>
              <a:gd name="connsiteY35" fmla="*/ 904723 h 2323145"/>
              <a:gd name="connsiteX36" fmla="*/ 8721366 w 11269336"/>
              <a:gd name="connsiteY36" fmla="*/ 904711 h 2323145"/>
              <a:gd name="connsiteX37" fmla="*/ 8678353 w 11269336"/>
              <a:gd name="connsiteY37" fmla="*/ 926318 h 2323145"/>
              <a:gd name="connsiteX38" fmla="*/ 8636849 w 11269336"/>
              <a:gd name="connsiteY38" fmla="*/ 937900 h 2323145"/>
              <a:gd name="connsiteX39" fmla="*/ 8620213 w 11269336"/>
              <a:gd name="connsiteY39" fmla="*/ 943068 h 2323145"/>
              <a:gd name="connsiteX40" fmla="*/ 8612581 w 11269336"/>
              <a:gd name="connsiteY40" fmla="*/ 952695 h 2323145"/>
              <a:gd name="connsiteX41" fmla="*/ 8589038 w 11269336"/>
              <a:gd name="connsiteY41" fmla="*/ 963892 h 2323145"/>
              <a:gd name="connsiteX42" fmla="*/ 8579950 w 11269336"/>
              <a:gd name="connsiteY42" fmla="*/ 960899 h 2323145"/>
              <a:gd name="connsiteX43" fmla="*/ 8579319 w 11269336"/>
              <a:gd name="connsiteY43" fmla="*/ 965630 h 2323145"/>
              <a:gd name="connsiteX44" fmla="*/ 8547429 w 11269336"/>
              <a:gd name="connsiteY44" fmla="*/ 984506 h 2323145"/>
              <a:gd name="connsiteX45" fmla="*/ 8478704 w 11269336"/>
              <a:gd name="connsiteY45" fmla="*/ 1025490 h 2323145"/>
              <a:gd name="connsiteX46" fmla="*/ 8461421 w 11269336"/>
              <a:gd name="connsiteY46" fmla="*/ 1035512 h 2323145"/>
              <a:gd name="connsiteX47" fmla="*/ 8445003 w 11269336"/>
              <a:gd name="connsiteY47" fmla="*/ 1036851 h 2323145"/>
              <a:gd name="connsiteX48" fmla="*/ 8357350 w 11269336"/>
              <a:gd name="connsiteY48" fmla="*/ 1060213 h 2323145"/>
              <a:gd name="connsiteX49" fmla="*/ 8335565 w 11269336"/>
              <a:gd name="connsiteY49" fmla="*/ 1061151 h 2323145"/>
              <a:gd name="connsiteX50" fmla="*/ 8325267 w 11269336"/>
              <a:gd name="connsiteY50" fmla="*/ 1055919 h 2323145"/>
              <a:gd name="connsiteX51" fmla="*/ 8293586 w 11269336"/>
              <a:gd name="connsiteY51" fmla="*/ 1076144 h 2323145"/>
              <a:gd name="connsiteX52" fmla="*/ 8242405 w 11269336"/>
              <a:gd name="connsiteY52" fmla="*/ 1095960 h 2323145"/>
              <a:gd name="connsiteX53" fmla="*/ 8197391 w 11269336"/>
              <a:gd name="connsiteY53" fmla="*/ 1107746 h 2323145"/>
              <a:gd name="connsiteX54" fmla="*/ 8081474 w 11269336"/>
              <a:gd name="connsiteY54" fmla="*/ 1130125 h 2323145"/>
              <a:gd name="connsiteX55" fmla="*/ 8053585 w 11269336"/>
              <a:gd name="connsiteY55" fmla="*/ 1129169 h 2323145"/>
              <a:gd name="connsiteX56" fmla="*/ 8038422 w 11269336"/>
              <a:gd name="connsiteY56" fmla="*/ 1119092 h 2323145"/>
              <a:gd name="connsiteX57" fmla="*/ 8029450 w 11269336"/>
              <a:gd name="connsiteY57" fmla="*/ 1125592 h 2323145"/>
              <a:gd name="connsiteX58" fmla="*/ 7959552 w 11269336"/>
              <a:gd name="connsiteY58" fmla="*/ 1140188 h 2323145"/>
              <a:gd name="connsiteX59" fmla="*/ 7914188 w 11269336"/>
              <a:gd name="connsiteY59" fmla="*/ 1150862 h 2323145"/>
              <a:gd name="connsiteX60" fmla="*/ 7914918 w 11269336"/>
              <a:gd name="connsiteY60" fmla="*/ 1168758 h 2323145"/>
              <a:gd name="connsiteX61" fmla="*/ 7875510 w 11269336"/>
              <a:gd name="connsiteY61" fmla="*/ 1183153 h 2323145"/>
              <a:gd name="connsiteX62" fmla="*/ 7829932 w 11269336"/>
              <a:gd name="connsiteY62" fmla="*/ 1180782 h 2323145"/>
              <a:gd name="connsiteX63" fmla="*/ 7779182 w 11269336"/>
              <a:gd name="connsiteY63" fmla="*/ 1192665 h 2323145"/>
              <a:gd name="connsiteX64" fmla="*/ 7748774 w 11269336"/>
              <a:gd name="connsiteY64" fmla="*/ 1199586 h 2323145"/>
              <a:gd name="connsiteX65" fmla="*/ 7671846 w 11269336"/>
              <a:gd name="connsiteY65" fmla="*/ 1231966 h 2323145"/>
              <a:gd name="connsiteX66" fmla="*/ 7554146 w 11269336"/>
              <a:gd name="connsiteY66" fmla="*/ 1319748 h 2323145"/>
              <a:gd name="connsiteX67" fmla="*/ 7515052 w 11269336"/>
              <a:gd name="connsiteY67" fmla="*/ 1336718 h 2323145"/>
              <a:gd name="connsiteX68" fmla="*/ 7507193 w 11269336"/>
              <a:gd name="connsiteY68" fmla="*/ 1334617 h 2323145"/>
              <a:gd name="connsiteX69" fmla="*/ 7461694 w 11269336"/>
              <a:gd name="connsiteY69" fmla="*/ 1375866 h 2323145"/>
              <a:gd name="connsiteX70" fmla="*/ 7377571 w 11269336"/>
              <a:gd name="connsiteY70" fmla="*/ 1400128 h 2323145"/>
              <a:gd name="connsiteX71" fmla="*/ 7311261 w 11269336"/>
              <a:gd name="connsiteY71" fmla="*/ 1412652 h 2323145"/>
              <a:gd name="connsiteX72" fmla="*/ 7275307 w 11269336"/>
              <a:gd name="connsiteY72" fmla="*/ 1422171 h 2323145"/>
              <a:gd name="connsiteX73" fmla="*/ 7247783 w 11269336"/>
              <a:gd name="connsiteY73" fmla="*/ 1426330 h 2323145"/>
              <a:gd name="connsiteX74" fmla="*/ 7185047 w 11269336"/>
              <a:gd name="connsiteY74" fmla="*/ 1451812 h 2323145"/>
              <a:gd name="connsiteX75" fmla="*/ 7084117 w 11269336"/>
              <a:gd name="connsiteY75" fmla="*/ 1500281 h 2323145"/>
              <a:gd name="connsiteX76" fmla="*/ 7062011 w 11269336"/>
              <a:gd name="connsiteY76" fmla="*/ 1509183 h 2323145"/>
              <a:gd name="connsiteX77" fmla="*/ 7040555 w 11269336"/>
              <a:gd name="connsiteY77" fmla="*/ 1511207 h 2323145"/>
              <a:gd name="connsiteX78" fmla="*/ 7033438 w 11269336"/>
              <a:gd name="connsiteY78" fmla="*/ 1506772 h 2323145"/>
              <a:gd name="connsiteX79" fmla="*/ 7020886 w 11269336"/>
              <a:gd name="connsiteY79" fmla="*/ 1510764 h 2323145"/>
              <a:gd name="connsiteX80" fmla="*/ 7017033 w 11269336"/>
              <a:gd name="connsiteY80" fmla="*/ 1510650 h 2323145"/>
              <a:gd name="connsiteX81" fmla="*/ 6995460 w 11269336"/>
              <a:gd name="connsiteY81" fmla="*/ 1511173 h 2323145"/>
              <a:gd name="connsiteX82" fmla="*/ 6962144 w 11269336"/>
              <a:gd name="connsiteY82" fmla="*/ 1541508 h 2323145"/>
              <a:gd name="connsiteX83" fmla="*/ 6910674 w 11269336"/>
              <a:gd name="connsiteY83" fmla="*/ 1554793 h 2323145"/>
              <a:gd name="connsiteX84" fmla="*/ 6732152 w 11269336"/>
              <a:gd name="connsiteY84" fmla="*/ 1642538 h 2323145"/>
              <a:gd name="connsiteX85" fmla="*/ 6694106 w 11269336"/>
              <a:gd name="connsiteY85" fmla="*/ 1632377 h 2323145"/>
              <a:gd name="connsiteX86" fmla="*/ 6617223 w 11269336"/>
              <a:gd name="connsiteY86" fmla="*/ 1659889 h 2323145"/>
              <a:gd name="connsiteX87" fmla="*/ 6521138 w 11269336"/>
              <a:gd name="connsiteY87" fmla="*/ 1744340 h 2323145"/>
              <a:gd name="connsiteX88" fmla="*/ 6380677 w 11269336"/>
              <a:gd name="connsiteY88" fmla="*/ 1796883 h 2323145"/>
              <a:gd name="connsiteX89" fmla="*/ 6374897 w 11269336"/>
              <a:gd name="connsiteY89" fmla="*/ 1809910 h 2323145"/>
              <a:gd name="connsiteX90" fmla="*/ 6364545 w 11269336"/>
              <a:gd name="connsiteY90" fmla="*/ 1820090 h 2323145"/>
              <a:gd name="connsiteX91" fmla="*/ 6362126 w 11269336"/>
              <a:gd name="connsiteY91" fmla="*/ 1819991 h 2323145"/>
              <a:gd name="connsiteX92" fmla="*/ 6346673 w 11269336"/>
              <a:gd name="connsiteY92" fmla="*/ 1827824 h 2323145"/>
              <a:gd name="connsiteX93" fmla="*/ 6345588 w 11269336"/>
              <a:gd name="connsiteY93" fmla="*/ 1832232 h 2323145"/>
              <a:gd name="connsiteX94" fmla="*/ 6335708 w 11269336"/>
              <a:gd name="connsiteY94" fmla="*/ 1838451 h 2323145"/>
              <a:gd name="connsiteX95" fmla="*/ 6318182 w 11269336"/>
              <a:gd name="connsiteY95" fmla="*/ 1852975 h 2323145"/>
              <a:gd name="connsiteX96" fmla="*/ 6313084 w 11269336"/>
              <a:gd name="connsiteY96" fmla="*/ 1853561 h 2323145"/>
              <a:gd name="connsiteX97" fmla="*/ 6283816 w 11269336"/>
              <a:gd name="connsiteY97" fmla="*/ 1872148 h 2323145"/>
              <a:gd name="connsiteX98" fmla="*/ 6282550 w 11269336"/>
              <a:gd name="connsiteY98" fmla="*/ 1871392 h 2323145"/>
              <a:gd name="connsiteX99" fmla="*/ 6270527 w 11269336"/>
              <a:gd name="connsiteY99" fmla="*/ 1872208 h 2323145"/>
              <a:gd name="connsiteX100" fmla="*/ 6249518 w 11269336"/>
              <a:gd name="connsiteY100" fmla="*/ 1876079 h 2323145"/>
              <a:gd name="connsiteX101" fmla="*/ 6190386 w 11269336"/>
              <a:gd name="connsiteY101" fmla="*/ 1872478 h 2323145"/>
              <a:gd name="connsiteX102" fmla="*/ 6159777 w 11269336"/>
              <a:gd name="connsiteY102" fmla="*/ 1891745 h 2323145"/>
              <a:gd name="connsiteX103" fmla="*/ 6153131 w 11269336"/>
              <a:gd name="connsiteY103" fmla="*/ 1895079 h 2323145"/>
              <a:gd name="connsiteX104" fmla="*/ 6152798 w 11269336"/>
              <a:gd name="connsiteY104" fmla="*/ 1894920 h 2323145"/>
              <a:gd name="connsiteX105" fmla="*/ 6145388 w 11269336"/>
              <a:gd name="connsiteY105" fmla="*/ 1897990 h 2323145"/>
              <a:gd name="connsiteX106" fmla="*/ 6141014 w 11269336"/>
              <a:gd name="connsiteY106" fmla="*/ 1901155 h 2323145"/>
              <a:gd name="connsiteX107" fmla="*/ 6128122 w 11269336"/>
              <a:gd name="connsiteY107" fmla="*/ 1907623 h 2323145"/>
              <a:gd name="connsiteX108" fmla="*/ 6122351 w 11269336"/>
              <a:gd name="connsiteY108" fmla="*/ 1908359 h 2323145"/>
              <a:gd name="connsiteX109" fmla="*/ 6064750 w 11269336"/>
              <a:gd name="connsiteY109" fmla="*/ 1896394 h 2323145"/>
              <a:gd name="connsiteX110" fmla="*/ 5964230 w 11269336"/>
              <a:gd name="connsiteY110" fmla="*/ 1910038 h 2323145"/>
              <a:gd name="connsiteX111" fmla="*/ 5865399 w 11269336"/>
              <a:gd name="connsiteY111" fmla="*/ 1926966 h 2323145"/>
              <a:gd name="connsiteX112" fmla="*/ 5829951 w 11269336"/>
              <a:gd name="connsiteY112" fmla="*/ 1934755 h 2323145"/>
              <a:gd name="connsiteX113" fmla="*/ 5765285 w 11269336"/>
              <a:gd name="connsiteY113" fmla="*/ 1941322 h 2323145"/>
              <a:gd name="connsiteX114" fmla="*/ 5734750 w 11269336"/>
              <a:gd name="connsiteY114" fmla="*/ 1939793 h 2323145"/>
              <a:gd name="connsiteX115" fmla="*/ 5733569 w 11269336"/>
              <a:gd name="connsiteY115" fmla="*/ 1940505 h 2323145"/>
              <a:gd name="connsiteX116" fmla="*/ 5730329 w 11269336"/>
              <a:gd name="connsiteY116" fmla="*/ 1937845 h 2323145"/>
              <a:gd name="connsiteX117" fmla="*/ 5724661 w 11269336"/>
              <a:gd name="connsiteY117" fmla="*/ 1937455 h 2323145"/>
              <a:gd name="connsiteX118" fmla="*/ 5710186 w 11269336"/>
              <a:gd name="connsiteY118" fmla="*/ 1941370 h 2323145"/>
              <a:gd name="connsiteX119" fmla="*/ 5704910 w 11269336"/>
              <a:gd name="connsiteY119" fmla="*/ 1943663 h 2323145"/>
              <a:gd name="connsiteX120" fmla="*/ 5696836 w 11269336"/>
              <a:gd name="connsiteY120" fmla="*/ 1945271 h 2323145"/>
              <a:gd name="connsiteX121" fmla="*/ 5696583 w 11269336"/>
              <a:gd name="connsiteY121" fmla="*/ 1945050 h 2323145"/>
              <a:gd name="connsiteX122" fmla="*/ 5689123 w 11269336"/>
              <a:gd name="connsiteY122" fmla="*/ 1947067 h 2323145"/>
              <a:gd name="connsiteX123" fmla="*/ 5653291 w 11269336"/>
              <a:gd name="connsiteY123" fmla="*/ 1960245 h 2323145"/>
              <a:gd name="connsiteX124" fmla="*/ 5599385 w 11269336"/>
              <a:gd name="connsiteY124" fmla="*/ 1945198 h 2323145"/>
              <a:gd name="connsiteX125" fmla="*/ 5578300 w 11269336"/>
              <a:gd name="connsiteY125" fmla="*/ 1944963 h 2323145"/>
              <a:gd name="connsiteX126" fmla="*/ 5566758 w 11269336"/>
              <a:gd name="connsiteY126" fmla="*/ 1943441 h 2323145"/>
              <a:gd name="connsiteX127" fmla="*/ 5565857 w 11269336"/>
              <a:gd name="connsiteY127" fmla="*/ 1942445 h 2323145"/>
              <a:gd name="connsiteX128" fmla="*/ 5531534 w 11269336"/>
              <a:gd name="connsiteY128" fmla="*/ 1955208 h 2323145"/>
              <a:gd name="connsiteX129" fmla="*/ 5526552 w 11269336"/>
              <a:gd name="connsiteY129" fmla="*/ 1954799 h 2323145"/>
              <a:gd name="connsiteX130" fmla="*/ 5504723 w 11269336"/>
              <a:gd name="connsiteY130" fmla="*/ 1965811 h 2323145"/>
              <a:gd name="connsiteX131" fmla="*/ 5493156 w 11269336"/>
              <a:gd name="connsiteY131" fmla="*/ 1970063 h 2323145"/>
              <a:gd name="connsiteX132" fmla="*/ 5490486 w 11269336"/>
              <a:gd name="connsiteY132" fmla="*/ 1974227 h 2323145"/>
              <a:gd name="connsiteX133" fmla="*/ 5473107 w 11269336"/>
              <a:gd name="connsiteY133" fmla="*/ 1979001 h 2323145"/>
              <a:gd name="connsiteX134" fmla="*/ 5470885 w 11269336"/>
              <a:gd name="connsiteY134" fmla="*/ 1978432 h 2323145"/>
              <a:gd name="connsiteX135" fmla="*/ 5457393 w 11269336"/>
              <a:gd name="connsiteY135" fmla="*/ 1986525 h 2323145"/>
              <a:gd name="connsiteX136" fmla="*/ 5447102 w 11269336"/>
              <a:gd name="connsiteY136" fmla="*/ 1998329 h 2323145"/>
              <a:gd name="connsiteX137" fmla="*/ 5159151 w 11269336"/>
              <a:gd name="connsiteY137" fmla="*/ 2029640 h 2323145"/>
              <a:gd name="connsiteX138" fmla="*/ 5041688 w 11269336"/>
              <a:gd name="connsiteY138" fmla="*/ 2022334 h 2323145"/>
              <a:gd name="connsiteX139" fmla="*/ 4860988 w 11269336"/>
              <a:gd name="connsiteY139" fmla="*/ 2135698 h 2323145"/>
              <a:gd name="connsiteX140" fmla="*/ 4807902 w 11269336"/>
              <a:gd name="connsiteY140" fmla="*/ 2138894 h 2323145"/>
              <a:gd name="connsiteX141" fmla="*/ 4765388 w 11269336"/>
              <a:gd name="connsiteY141" fmla="*/ 2162525 h 2323145"/>
              <a:gd name="connsiteX142" fmla="*/ 4745033 w 11269336"/>
              <a:gd name="connsiteY142" fmla="*/ 2158859 h 2323145"/>
              <a:gd name="connsiteX143" fmla="*/ 4741475 w 11269336"/>
              <a:gd name="connsiteY143" fmla="*/ 2157998 h 2323145"/>
              <a:gd name="connsiteX144" fmla="*/ 4728247 w 11269336"/>
              <a:gd name="connsiteY144" fmla="*/ 2159526 h 2323145"/>
              <a:gd name="connsiteX145" fmla="*/ 4723263 w 11269336"/>
              <a:gd name="connsiteY145" fmla="*/ 2153742 h 2323145"/>
              <a:gd name="connsiteX146" fmla="*/ 4702453 w 11269336"/>
              <a:gd name="connsiteY146" fmla="*/ 2151586 h 2323145"/>
              <a:gd name="connsiteX147" fmla="*/ 4678455 w 11269336"/>
              <a:gd name="connsiteY147" fmla="*/ 2156131 h 2323145"/>
              <a:gd name="connsiteX148" fmla="*/ 4593061 w 11269336"/>
              <a:gd name="connsiteY148" fmla="*/ 2171597 h 2323145"/>
              <a:gd name="connsiteX149" fmla="*/ 4579902 w 11269336"/>
              <a:gd name="connsiteY149" fmla="*/ 2177927 h 2323145"/>
              <a:gd name="connsiteX150" fmla="*/ 4533444 w 11269336"/>
              <a:gd name="connsiteY150" fmla="*/ 2181200 h 2323145"/>
              <a:gd name="connsiteX151" fmla="*/ 4492832 w 11269336"/>
              <a:gd name="connsiteY151" fmla="*/ 2188033 h 2323145"/>
              <a:gd name="connsiteX152" fmla="*/ 4467257 w 11269336"/>
              <a:gd name="connsiteY152" fmla="*/ 2196121 h 2323145"/>
              <a:gd name="connsiteX153" fmla="*/ 4459937 w 11269336"/>
              <a:gd name="connsiteY153" fmla="*/ 2195182 h 2323145"/>
              <a:gd name="connsiteX154" fmla="*/ 4433312 w 11269336"/>
              <a:gd name="connsiteY154" fmla="*/ 2199004 h 2323145"/>
              <a:gd name="connsiteX155" fmla="*/ 4420601 w 11269336"/>
              <a:gd name="connsiteY155" fmla="*/ 2205158 h 2323145"/>
              <a:gd name="connsiteX156" fmla="*/ 4405765 w 11269336"/>
              <a:gd name="connsiteY156" fmla="*/ 2199902 h 2323145"/>
              <a:gd name="connsiteX157" fmla="*/ 4401354 w 11269336"/>
              <a:gd name="connsiteY157" fmla="*/ 2194745 h 2323145"/>
              <a:gd name="connsiteX158" fmla="*/ 4383151 w 11269336"/>
              <a:gd name="connsiteY158" fmla="*/ 2201140 h 2323145"/>
              <a:gd name="connsiteX159" fmla="*/ 4366646 w 11269336"/>
              <a:gd name="connsiteY159" fmla="*/ 2198564 h 2323145"/>
              <a:gd name="connsiteX160" fmla="*/ 4354009 w 11269336"/>
              <a:gd name="connsiteY160" fmla="*/ 2204984 h 2323145"/>
              <a:gd name="connsiteX161" fmla="*/ 4348284 w 11269336"/>
              <a:gd name="connsiteY161" fmla="*/ 2205270 h 2323145"/>
              <a:gd name="connsiteX162" fmla="*/ 4333906 w 11269336"/>
              <a:gd name="connsiteY162" fmla="*/ 2205251 h 2323145"/>
              <a:gd name="connsiteX163" fmla="*/ 4308819 w 11269336"/>
              <a:gd name="connsiteY163" fmla="*/ 2203822 h 2323145"/>
              <a:gd name="connsiteX164" fmla="*/ 4301210 w 11269336"/>
              <a:gd name="connsiteY164" fmla="*/ 2204456 h 2323145"/>
              <a:gd name="connsiteX165" fmla="*/ 4283095 w 11269336"/>
              <a:gd name="connsiteY165" fmla="*/ 2198177 h 2323145"/>
              <a:gd name="connsiteX166" fmla="*/ 4250119 w 11269336"/>
              <a:gd name="connsiteY166" fmla="*/ 2196342 h 2323145"/>
              <a:gd name="connsiteX167" fmla="*/ 4189203 w 11269336"/>
              <a:gd name="connsiteY167" fmla="*/ 2178994 h 2323145"/>
              <a:gd name="connsiteX168" fmla="*/ 4154035 w 11269336"/>
              <a:gd name="connsiteY168" fmla="*/ 2171950 h 2323145"/>
              <a:gd name="connsiteX169" fmla="*/ 4129569 w 11269336"/>
              <a:gd name="connsiteY169" fmla="*/ 2163850 h 2323145"/>
              <a:gd name="connsiteX170" fmla="*/ 4061250 w 11269336"/>
              <a:gd name="connsiteY170" fmla="*/ 2159236 h 2323145"/>
              <a:gd name="connsiteX171" fmla="*/ 3945480 w 11269336"/>
              <a:gd name="connsiteY171" fmla="*/ 2158279 h 2323145"/>
              <a:gd name="connsiteX172" fmla="*/ 3921468 w 11269336"/>
              <a:gd name="connsiteY172" fmla="*/ 2156588 h 2323145"/>
              <a:gd name="connsiteX173" fmla="*/ 3903348 w 11269336"/>
              <a:gd name="connsiteY173" fmla="*/ 2149220 h 2323145"/>
              <a:gd name="connsiteX174" fmla="*/ 3901342 w 11269336"/>
              <a:gd name="connsiteY174" fmla="*/ 2142355 h 2323145"/>
              <a:gd name="connsiteX175" fmla="*/ 3888539 w 11269336"/>
              <a:gd name="connsiteY175" fmla="*/ 2140476 h 2323145"/>
              <a:gd name="connsiteX176" fmla="*/ 3885662 w 11269336"/>
              <a:gd name="connsiteY176" fmla="*/ 2138740 h 2323145"/>
              <a:gd name="connsiteX177" fmla="*/ 3868627 w 11269336"/>
              <a:gd name="connsiteY177" fmla="*/ 2130023 h 2323145"/>
              <a:gd name="connsiteX178" fmla="*/ 3819177 w 11269336"/>
              <a:gd name="connsiteY178" fmla="*/ 2142111 h 2323145"/>
              <a:gd name="connsiteX179" fmla="*/ 3769100 w 11269336"/>
              <a:gd name="connsiteY179" fmla="*/ 2131731 h 2323145"/>
              <a:gd name="connsiteX180" fmla="*/ 3562752 w 11269336"/>
              <a:gd name="connsiteY180" fmla="*/ 2131785 h 2323145"/>
              <a:gd name="connsiteX181" fmla="*/ 3541402 w 11269336"/>
              <a:gd name="connsiteY181" fmla="*/ 2106821 h 2323145"/>
              <a:gd name="connsiteX182" fmla="*/ 3365341 w 11269336"/>
              <a:gd name="connsiteY182" fmla="*/ 2077638 h 2323145"/>
              <a:gd name="connsiteX183" fmla="*/ 3170922 w 11269336"/>
              <a:gd name="connsiteY183" fmla="*/ 2115957 h 2323145"/>
              <a:gd name="connsiteX184" fmla="*/ 3156256 w 11269336"/>
              <a:gd name="connsiteY184" fmla="*/ 2124773 h 2323145"/>
              <a:gd name="connsiteX185" fmla="*/ 3140298 w 11269336"/>
              <a:gd name="connsiteY185" fmla="*/ 2129182 h 2323145"/>
              <a:gd name="connsiteX186" fmla="*/ 3138514 w 11269336"/>
              <a:gd name="connsiteY186" fmla="*/ 2128069 h 2323145"/>
              <a:gd name="connsiteX187" fmla="*/ 3120467 w 11269336"/>
              <a:gd name="connsiteY187" fmla="*/ 2128281 h 2323145"/>
              <a:gd name="connsiteX188" fmla="*/ 3116175 w 11269336"/>
              <a:gd name="connsiteY188" fmla="*/ 2131633 h 2323145"/>
              <a:gd name="connsiteX189" fmla="*/ 3103685 w 11269336"/>
              <a:gd name="connsiteY189" fmla="*/ 2132814 h 2323145"/>
              <a:gd name="connsiteX190" fmla="*/ 3078794 w 11269336"/>
              <a:gd name="connsiteY190" fmla="*/ 2137935 h 2323145"/>
              <a:gd name="connsiteX191" fmla="*/ 3074407 w 11269336"/>
              <a:gd name="connsiteY191" fmla="*/ 2136274 h 2323145"/>
              <a:gd name="connsiteX192" fmla="*/ 3037285 w 11269336"/>
              <a:gd name="connsiteY192" fmla="*/ 2139919 h 2323145"/>
              <a:gd name="connsiteX193" fmla="*/ 3036901 w 11269336"/>
              <a:gd name="connsiteY193" fmla="*/ 2138726 h 2323145"/>
              <a:gd name="connsiteX194" fmla="*/ 3026996 w 11269336"/>
              <a:gd name="connsiteY194" fmla="*/ 2134322 h 2323145"/>
              <a:gd name="connsiteX195" fmla="*/ 3007772 w 11269336"/>
              <a:gd name="connsiteY195" fmla="*/ 2128742 h 2323145"/>
              <a:gd name="connsiteX196" fmla="*/ 2965030 w 11269336"/>
              <a:gd name="connsiteY196" fmla="*/ 2100494 h 2323145"/>
              <a:gd name="connsiteX197" fmla="*/ 2926342 w 11269336"/>
              <a:gd name="connsiteY197" fmla="*/ 2104155 h 2323145"/>
              <a:gd name="connsiteX198" fmla="*/ 2918608 w 11269336"/>
              <a:gd name="connsiteY198" fmla="*/ 2104215 h 2323145"/>
              <a:gd name="connsiteX199" fmla="*/ 2918475 w 11269336"/>
              <a:gd name="connsiteY199" fmla="*/ 2103937 h 2323145"/>
              <a:gd name="connsiteX200" fmla="*/ 2910360 w 11269336"/>
              <a:gd name="connsiteY200" fmla="*/ 2103444 h 2323145"/>
              <a:gd name="connsiteX201" fmla="*/ 2904507 w 11269336"/>
              <a:gd name="connsiteY201" fmla="*/ 2104326 h 2323145"/>
              <a:gd name="connsiteX202" fmla="*/ 2889503 w 11269336"/>
              <a:gd name="connsiteY202" fmla="*/ 2104443 h 2323145"/>
              <a:gd name="connsiteX203" fmla="*/ 2884480 w 11269336"/>
              <a:gd name="connsiteY203" fmla="*/ 2102626 h 2323145"/>
              <a:gd name="connsiteX204" fmla="*/ 2882689 w 11269336"/>
              <a:gd name="connsiteY204" fmla="*/ 2099228 h 2323145"/>
              <a:gd name="connsiteX205" fmla="*/ 2881291 w 11269336"/>
              <a:gd name="connsiteY205" fmla="*/ 2099618 h 2323145"/>
              <a:gd name="connsiteX206" fmla="*/ 2853979 w 11269336"/>
              <a:gd name="connsiteY206" fmla="*/ 2090388 h 2323145"/>
              <a:gd name="connsiteX207" fmla="*/ 2791790 w 11269336"/>
              <a:gd name="connsiteY207" fmla="*/ 2080332 h 2323145"/>
              <a:gd name="connsiteX208" fmla="*/ 2755844 w 11269336"/>
              <a:gd name="connsiteY208" fmla="*/ 2078874 h 2323145"/>
              <a:gd name="connsiteX209" fmla="*/ 2657742 w 11269336"/>
              <a:gd name="connsiteY209" fmla="*/ 2070179 h 2323145"/>
              <a:gd name="connsiteX210" fmla="*/ 2559549 w 11269336"/>
              <a:gd name="connsiteY210" fmla="*/ 2057873 h 2323145"/>
              <a:gd name="connsiteX211" fmla="*/ 2512054 w 11269336"/>
              <a:gd name="connsiteY211" fmla="*/ 2031671 h 2323145"/>
              <a:gd name="connsiteX212" fmla="*/ 2506437 w 11269336"/>
              <a:gd name="connsiteY212" fmla="*/ 2030918 h 2323145"/>
              <a:gd name="connsiteX213" fmla="*/ 2491752 w 11269336"/>
              <a:gd name="connsiteY213" fmla="*/ 2033906 h 2323145"/>
              <a:gd name="connsiteX214" fmla="*/ 2486338 w 11269336"/>
              <a:gd name="connsiteY214" fmla="*/ 2035862 h 2323145"/>
              <a:gd name="connsiteX215" fmla="*/ 2478186 w 11269336"/>
              <a:gd name="connsiteY215" fmla="*/ 2036953 h 2323145"/>
              <a:gd name="connsiteX216" fmla="*/ 2477950 w 11269336"/>
              <a:gd name="connsiteY216" fmla="*/ 2036715 h 2323145"/>
              <a:gd name="connsiteX217" fmla="*/ 2470381 w 11269336"/>
              <a:gd name="connsiteY217" fmla="*/ 2038256 h 2323145"/>
              <a:gd name="connsiteX218" fmla="*/ 2433781 w 11269336"/>
              <a:gd name="connsiteY218" fmla="*/ 2049140 h 2323145"/>
              <a:gd name="connsiteX219" fmla="*/ 2381172 w 11269336"/>
              <a:gd name="connsiteY219" fmla="*/ 2030645 h 2323145"/>
              <a:gd name="connsiteX220" fmla="*/ 2360198 w 11269336"/>
              <a:gd name="connsiteY220" fmla="*/ 2029059 h 2323145"/>
              <a:gd name="connsiteX221" fmla="*/ 2348815 w 11269336"/>
              <a:gd name="connsiteY221" fmla="*/ 2026798 h 2323145"/>
              <a:gd name="connsiteX222" fmla="*/ 2347988 w 11269336"/>
              <a:gd name="connsiteY222" fmla="*/ 2025745 h 2323145"/>
              <a:gd name="connsiteX223" fmla="*/ 2312920 w 11269336"/>
              <a:gd name="connsiteY223" fmla="*/ 2036311 h 2323145"/>
              <a:gd name="connsiteX224" fmla="*/ 2307986 w 11269336"/>
              <a:gd name="connsiteY224" fmla="*/ 2035583 h 2323145"/>
              <a:gd name="connsiteX225" fmla="*/ 2285481 w 11269336"/>
              <a:gd name="connsiteY225" fmla="*/ 2045197 h 2323145"/>
              <a:gd name="connsiteX226" fmla="*/ 2273666 w 11269336"/>
              <a:gd name="connsiteY226" fmla="*/ 2048710 h 2323145"/>
              <a:gd name="connsiteX227" fmla="*/ 2270719 w 11269336"/>
              <a:gd name="connsiteY227" fmla="*/ 2052702 h 2323145"/>
              <a:gd name="connsiteX228" fmla="*/ 2253080 w 11269336"/>
              <a:gd name="connsiteY228" fmla="*/ 2056363 h 2323145"/>
              <a:gd name="connsiteX229" fmla="*/ 2250906 w 11269336"/>
              <a:gd name="connsiteY229" fmla="*/ 2055654 h 2323145"/>
              <a:gd name="connsiteX230" fmla="*/ 2236905 w 11269336"/>
              <a:gd name="connsiteY230" fmla="*/ 2062882 h 2323145"/>
              <a:gd name="connsiteX231" fmla="*/ 2225830 w 11269336"/>
              <a:gd name="connsiteY231" fmla="*/ 2074027 h 2323145"/>
              <a:gd name="connsiteX232" fmla="*/ 2073776 w 11269336"/>
              <a:gd name="connsiteY232" fmla="*/ 2089244 h 2323145"/>
              <a:gd name="connsiteX233" fmla="*/ 1948256 w 11269336"/>
              <a:gd name="connsiteY233" fmla="*/ 2146616 h 2323145"/>
              <a:gd name="connsiteX234" fmla="*/ 1865582 w 11269336"/>
              <a:gd name="connsiteY234" fmla="*/ 2153738 h 2323145"/>
              <a:gd name="connsiteX235" fmla="*/ 1835210 w 11269336"/>
              <a:gd name="connsiteY235" fmla="*/ 2134244 h 2323145"/>
              <a:gd name="connsiteX236" fmla="*/ 1632661 w 11269336"/>
              <a:gd name="connsiteY236" fmla="*/ 2173882 h 2323145"/>
              <a:gd name="connsiteX237" fmla="*/ 1579590 w 11269336"/>
              <a:gd name="connsiteY237" fmla="*/ 2173680 h 2323145"/>
              <a:gd name="connsiteX238" fmla="*/ 1535601 w 11269336"/>
              <a:gd name="connsiteY238" fmla="*/ 2194590 h 2323145"/>
              <a:gd name="connsiteX239" fmla="*/ 1515594 w 11269336"/>
              <a:gd name="connsiteY239" fmla="*/ 2189622 h 2323145"/>
              <a:gd name="connsiteX240" fmla="*/ 1512113 w 11269336"/>
              <a:gd name="connsiteY240" fmla="*/ 2188534 h 2323145"/>
              <a:gd name="connsiteX241" fmla="*/ 1498838 w 11269336"/>
              <a:gd name="connsiteY241" fmla="*/ 2189213 h 2323145"/>
              <a:gd name="connsiteX242" fmla="*/ 1494279 w 11269336"/>
              <a:gd name="connsiteY242" fmla="*/ 2183112 h 2323145"/>
              <a:gd name="connsiteX243" fmla="*/ 1473714 w 11269336"/>
              <a:gd name="connsiteY243" fmla="*/ 2179625 h 2323145"/>
              <a:gd name="connsiteX244" fmla="*/ 1449503 w 11269336"/>
              <a:gd name="connsiteY244" fmla="*/ 2182633 h 2323145"/>
              <a:gd name="connsiteX245" fmla="*/ 1266687 w 11269336"/>
              <a:gd name="connsiteY245" fmla="*/ 2212688 h 2323145"/>
              <a:gd name="connsiteX246" fmla="*/ 1239614 w 11269336"/>
              <a:gd name="connsiteY246" fmla="*/ 2209727 h 2323145"/>
              <a:gd name="connsiteX247" fmla="*/ 1202436 w 11269336"/>
              <a:gd name="connsiteY247" fmla="*/ 2209817 h 2323145"/>
              <a:gd name="connsiteX248" fmla="*/ 1136097 w 11269336"/>
              <a:gd name="connsiteY248" fmla="*/ 2205112 h 2323145"/>
              <a:gd name="connsiteX249" fmla="*/ 988232 w 11269336"/>
              <a:gd name="connsiteY249" fmla="*/ 2235635 h 2323145"/>
              <a:gd name="connsiteX250" fmla="*/ 981959 w 11269336"/>
              <a:gd name="connsiteY250" fmla="*/ 2231607 h 2323145"/>
              <a:gd name="connsiteX251" fmla="*/ 938600 w 11269336"/>
              <a:gd name="connsiteY251" fmla="*/ 2238113 h 2323145"/>
              <a:gd name="connsiteX252" fmla="*/ 791788 w 11269336"/>
              <a:gd name="connsiteY252" fmla="*/ 2293224 h 2323145"/>
              <a:gd name="connsiteX253" fmla="*/ 706914 w 11269336"/>
              <a:gd name="connsiteY253" fmla="*/ 2305046 h 2323145"/>
              <a:gd name="connsiteX254" fmla="*/ 675971 w 11269336"/>
              <a:gd name="connsiteY254" fmla="*/ 2304030 h 2323145"/>
              <a:gd name="connsiteX255" fmla="*/ 624180 w 11269336"/>
              <a:gd name="connsiteY255" fmla="*/ 2302650 h 2323145"/>
              <a:gd name="connsiteX256" fmla="*/ 583453 w 11269336"/>
              <a:gd name="connsiteY256" fmla="*/ 2288788 h 2323145"/>
              <a:gd name="connsiteX257" fmla="*/ 540946 w 11269336"/>
              <a:gd name="connsiteY257" fmla="*/ 2292721 h 2323145"/>
              <a:gd name="connsiteX258" fmla="*/ 533680 w 11269336"/>
              <a:gd name="connsiteY258" fmla="*/ 2310233 h 2323145"/>
              <a:gd name="connsiteX259" fmla="*/ 487366 w 11269336"/>
              <a:gd name="connsiteY259" fmla="*/ 2309053 h 2323145"/>
              <a:gd name="connsiteX260" fmla="*/ 416820 w 11269336"/>
              <a:gd name="connsiteY260" fmla="*/ 2305443 h 2323145"/>
              <a:gd name="connsiteX261" fmla="*/ 376805 w 11269336"/>
              <a:gd name="connsiteY261" fmla="*/ 2307647 h 2323145"/>
              <a:gd name="connsiteX262" fmla="*/ 266777 w 11269336"/>
              <a:gd name="connsiteY262" fmla="*/ 2309012 h 2323145"/>
              <a:gd name="connsiteX263" fmla="*/ 156013 w 11269336"/>
              <a:gd name="connsiteY263" fmla="*/ 2306832 h 2323145"/>
              <a:gd name="connsiteX264" fmla="*/ 87258 w 11269336"/>
              <a:gd name="connsiteY264" fmla="*/ 2285511 h 2323145"/>
              <a:gd name="connsiteX265" fmla="*/ 23798 w 11269336"/>
              <a:gd name="connsiteY265" fmla="*/ 2281822 h 2323145"/>
              <a:gd name="connsiteX266" fmla="*/ 0 w 11269336"/>
              <a:gd name="connsiteY266" fmla="*/ 2285369 h 2323145"/>
              <a:gd name="connsiteX267" fmla="*/ 0 w 11269336"/>
              <a:gd name="connsiteY26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742561 w 11269336"/>
              <a:gd name="connsiteY18" fmla="*/ 50043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114263 w 11269336"/>
              <a:gd name="connsiteY21" fmla="*/ 709213 h 2323145"/>
              <a:gd name="connsiteX22" fmla="*/ 9028928 w 11269336"/>
              <a:gd name="connsiteY22" fmla="*/ 745350 h 2323145"/>
              <a:gd name="connsiteX23" fmla="*/ 8977138 w 11269336"/>
              <a:gd name="connsiteY23" fmla="*/ 774970 h 2323145"/>
              <a:gd name="connsiteX24" fmla="*/ 8947030 w 11269336"/>
              <a:gd name="connsiteY24" fmla="*/ 814934 h 2323145"/>
              <a:gd name="connsiteX25" fmla="*/ 8914746 w 11269336"/>
              <a:gd name="connsiteY25" fmla="*/ 826428 h 2323145"/>
              <a:gd name="connsiteX26" fmla="*/ 8917778 w 11269336"/>
              <a:gd name="connsiteY26" fmla="*/ 835198 h 2323145"/>
              <a:gd name="connsiteX27" fmla="*/ 8905560 w 11269336"/>
              <a:gd name="connsiteY27" fmla="*/ 838358 h 2323145"/>
              <a:gd name="connsiteX28" fmla="*/ 8897564 w 11269336"/>
              <a:gd name="connsiteY28" fmla="*/ 834287 h 2323145"/>
              <a:gd name="connsiteX29" fmla="*/ 8878040 w 11269336"/>
              <a:gd name="connsiteY29" fmla="*/ 844150 h 2323145"/>
              <a:gd name="connsiteX30" fmla="*/ 8882654 w 11269336"/>
              <a:gd name="connsiteY30" fmla="*/ 892768 h 2323145"/>
              <a:gd name="connsiteX31" fmla="*/ 8795998 w 11269336"/>
              <a:gd name="connsiteY31" fmla="*/ 863337 h 2323145"/>
              <a:gd name="connsiteX32" fmla="*/ 8776970 w 11269336"/>
              <a:gd name="connsiteY32" fmla="*/ 885177 h 2323145"/>
              <a:gd name="connsiteX33" fmla="*/ 8755719 w 11269336"/>
              <a:gd name="connsiteY33" fmla="*/ 889754 h 2323145"/>
              <a:gd name="connsiteX34" fmla="*/ 8743257 w 11269336"/>
              <a:gd name="connsiteY34" fmla="*/ 904723 h 2323145"/>
              <a:gd name="connsiteX35" fmla="*/ 8721366 w 11269336"/>
              <a:gd name="connsiteY35" fmla="*/ 904711 h 2323145"/>
              <a:gd name="connsiteX36" fmla="*/ 8678353 w 11269336"/>
              <a:gd name="connsiteY36" fmla="*/ 926318 h 2323145"/>
              <a:gd name="connsiteX37" fmla="*/ 8636849 w 11269336"/>
              <a:gd name="connsiteY37" fmla="*/ 937900 h 2323145"/>
              <a:gd name="connsiteX38" fmla="*/ 8620213 w 11269336"/>
              <a:gd name="connsiteY38" fmla="*/ 943068 h 2323145"/>
              <a:gd name="connsiteX39" fmla="*/ 8612581 w 11269336"/>
              <a:gd name="connsiteY39" fmla="*/ 952695 h 2323145"/>
              <a:gd name="connsiteX40" fmla="*/ 8589038 w 11269336"/>
              <a:gd name="connsiteY40" fmla="*/ 963892 h 2323145"/>
              <a:gd name="connsiteX41" fmla="*/ 8579950 w 11269336"/>
              <a:gd name="connsiteY41" fmla="*/ 960899 h 2323145"/>
              <a:gd name="connsiteX42" fmla="*/ 8579319 w 11269336"/>
              <a:gd name="connsiteY42" fmla="*/ 965630 h 2323145"/>
              <a:gd name="connsiteX43" fmla="*/ 8547429 w 11269336"/>
              <a:gd name="connsiteY43" fmla="*/ 984506 h 2323145"/>
              <a:gd name="connsiteX44" fmla="*/ 8478704 w 11269336"/>
              <a:gd name="connsiteY44" fmla="*/ 1025490 h 2323145"/>
              <a:gd name="connsiteX45" fmla="*/ 8461421 w 11269336"/>
              <a:gd name="connsiteY45" fmla="*/ 1035512 h 2323145"/>
              <a:gd name="connsiteX46" fmla="*/ 8445003 w 11269336"/>
              <a:gd name="connsiteY46" fmla="*/ 1036851 h 2323145"/>
              <a:gd name="connsiteX47" fmla="*/ 8357350 w 11269336"/>
              <a:gd name="connsiteY47" fmla="*/ 1060213 h 2323145"/>
              <a:gd name="connsiteX48" fmla="*/ 8335565 w 11269336"/>
              <a:gd name="connsiteY48" fmla="*/ 1061151 h 2323145"/>
              <a:gd name="connsiteX49" fmla="*/ 8325267 w 11269336"/>
              <a:gd name="connsiteY49" fmla="*/ 1055919 h 2323145"/>
              <a:gd name="connsiteX50" fmla="*/ 8293586 w 11269336"/>
              <a:gd name="connsiteY50" fmla="*/ 1076144 h 2323145"/>
              <a:gd name="connsiteX51" fmla="*/ 8242405 w 11269336"/>
              <a:gd name="connsiteY51" fmla="*/ 1095960 h 2323145"/>
              <a:gd name="connsiteX52" fmla="*/ 8197391 w 11269336"/>
              <a:gd name="connsiteY52" fmla="*/ 1107746 h 2323145"/>
              <a:gd name="connsiteX53" fmla="*/ 8081474 w 11269336"/>
              <a:gd name="connsiteY53" fmla="*/ 1130125 h 2323145"/>
              <a:gd name="connsiteX54" fmla="*/ 8053585 w 11269336"/>
              <a:gd name="connsiteY54" fmla="*/ 1129169 h 2323145"/>
              <a:gd name="connsiteX55" fmla="*/ 8038422 w 11269336"/>
              <a:gd name="connsiteY55" fmla="*/ 1119092 h 2323145"/>
              <a:gd name="connsiteX56" fmla="*/ 8029450 w 11269336"/>
              <a:gd name="connsiteY56" fmla="*/ 1125592 h 2323145"/>
              <a:gd name="connsiteX57" fmla="*/ 7959552 w 11269336"/>
              <a:gd name="connsiteY57" fmla="*/ 1140188 h 2323145"/>
              <a:gd name="connsiteX58" fmla="*/ 7914188 w 11269336"/>
              <a:gd name="connsiteY58" fmla="*/ 1150862 h 2323145"/>
              <a:gd name="connsiteX59" fmla="*/ 7914918 w 11269336"/>
              <a:gd name="connsiteY59" fmla="*/ 1168758 h 2323145"/>
              <a:gd name="connsiteX60" fmla="*/ 7875510 w 11269336"/>
              <a:gd name="connsiteY60" fmla="*/ 1183153 h 2323145"/>
              <a:gd name="connsiteX61" fmla="*/ 7829932 w 11269336"/>
              <a:gd name="connsiteY61" fmla="*/ 1180782 h 2323145"/>
              <a:gd name="connsiteX62" fmla="*/ 7779182 w 11269336"/>
              <a:gd name="connsiteY62" fmla="*/ 1192665 h 2323145"/>
              <a:gd name="connsiteX63" fmla="*/ 7748774 w 11269336"/>
              <a:gd name="connsiteY63" fmla="*/ 1199586 h 2323145"/>
              <a:gd name="connsiteX64" fmla="*/ 7671846 w 11269336"/>
              <a:gd name="connsiteY64" fmla="*/ 1231966 h 2323145"/>
              <a:gd name="connsiteX65" fmla="*/ 7554146 w 11269336"/>
              <a:gd name="connsiteY65" fmla="*/ 1319748 h 2323145"/>
              <a:gd name="connsiteX66" fmla="*/ 7515052 w 11269336"/>
              <a:gd name="connsiteY66" fmla="*/ 1336718 h 2323145"/>
              <a:gd name="connsiteX67" fmla="*/ 7507193 w 11269336"/>
              <a:gd name="connsiteY67" fmla="*/ 1334617 h 2323145"/>
              <a:gd name="connsiteX68" fmla="*/ 7461694 w 11269336"/>
              <a:gd name="connsiteY68" fmla="*/ 1375866 h 2323145"/>
              <a:gd name="connsiteX69" fmla="*/ 7377571 w 11269336"/>
              <a:gd name="connsiteY69" fmla="*/ 1400128 h 2323145"/>
              <a:gd name="connsiteX70" fmla="*/ 7311261 w 11269336"/>
              <a:gd name="connsiteY70" fmla="*/ 1412652 h 2323145"/>
              <a:gd name="connsiteX71" fmla="*/ 7275307 w 11269336"/>
              <a:gd name="connsiteY71" fmla="*/ 1422171 h 2323145"/>
              <a:gd name="connsiteX72" fmla="*/ 7247783 w 11269336"/>
              <a:gd name="connsiteY72" fmla="*/ 1426330 h 2323145"/>
              <a:gd name="connsiteX73" fmla="*/ 7185047 w 11269336"/>
              <a:gd name="connsiteY73" fmla="*/ 1451812 h 2323145"/>
              <a:gd name="connsiteX74" fmla="*/ 7084117 w 11269336"/>
              <a:gd name="connsiteY74" fmla="*/ 1500281 h 2323145"/>
              <a:gd name="connsiteX75" fmla="*/ 7062011 w 11269336"/>
              <a:gd name="connsiteY75" fmla="*/ 1509183 h 2323145"/>
              <a:gd name="connsiteX76" fmla="*/ 7040555 w 11269336"/>
              <a:gd name="connsiteY76" fmla="*/ 1511207 h 2323145"/>
              <a:gd name="connsiteX77" fmla="*/ 7033438 w 11269336"/>
              <a:gd name="connsiteY77" fmla="*/ 1506772 h 2323145"/>
              <a:gd name="connsiteX78" fmla="*/ 7020886 w 11269336"/>
              <a:gd name="connsiteY78" fmla="*/ 1510764 h 2323145"/>
              <a:gd name="connsiteX79" fmla="*/ 7017033 w 11269336"/>
              <a:gd name="connsiteY79" fmla="*/ 1510650 h 2323145"/>
              <a:gd name="connsiteX80" fmla="*/ 6995460 w 11269336"/>
              <a:gd name="connsiteY80" fmla="*/ 1511173 h 2323145"/>
              <a:gd name="connsiteX81" fmla="*/ 6962144 w 11269336"/>
              <a:gd name="connsiteY81" fmla="*/ 1541508 h 2323145"/>
              <a:gd name="connsiteX82" fmla="*/ 6910674 w 11269336"/>
              <a:gd name="connsiteY82" fmla="*/ 1554793 h 2323145"/>
              <a:gd name="connsiteX83" fmla="*/ 6732152 w 11269336"/>
              <a:gd name="connsiteY83" fmla="*/ 1642538 h 2323145"/>
              <a:gd name="connsiteX84" fmla="*/ 6694106 w 11269336"/>
              <a:gd name="connsiteY84" fmla="*/ 1632377 h 2323145"/>
              <a:gd name="connsiteX85" fmla="*/ 6617223 w 11269336"/>
              <a:gd name="connsiteY85" fmla="*/ 1659889 h 2323145"/>
              <a:gd name="connsiteX86" fmla="*/ 6521138 w 11269336"/>
              <a:gd name="connsiteY86" fmla="*/ 1744340 h 2323145"/>
              <a:gd name="connsiteX87" fmla="*/ 6380677 w 11269336"/>
              <a:gd name="connsiteY87" fmla="*/ 1796883 h 2323145"/>
              <a:gd name="connsiteX88" fmla="*/ 6374897 w 11269336"/>
              <a:gd name="connsiteY88" fmla="*/ 1809910 h 2323145"/>
              <a:gd name="connsiteX89" fmla="*/ 6364545 w 11269336"/>
              <a:gd name="connsiteY89" fmla="*/ 1820090 h 2323145"/>
              <a:gd name="connsiteX90" fmla="*/ 6362126 w 11269336"/>
              <a:gd name="connsiteY90" fmla="*/ 1819991 h 2323145"/>
              <a:gd name="connsiteX91" fmla="*/ 6346673 w 11269336"/>
              <a:gd name="connsiteY91" fmla="*/ 1827824 h 2323145"/>
              <a:gd name="connsiteX92" fmla="*/ 6345588 w 11269336"/>
              <a:gd name="connsiteY92" fmla="*/ 1832232 h 2323145"/>
              <a:gd name="connsiteX93" fmla="*/ 6335708 w 11269336"/>
              <a:gd name="connsiteY93" fmla="*/ 1838451 h 2323145"/>
              <a:gd name="connsiteX94" fmla="*/ 6318182 w 11269336"/>
              <a:gd name="connsiteY94" fmla="*/ 1852975 h 2323145"/>
              <a:gd name="connsiteX95" fmla="*/ 6313084 w 11269336"/>
              <a:gd name="connsiteY95" fmla="*/ 1853561 h 2323145"/>
              <a:gd name="connsiteX96" fmla="*/ 6283816 w 11269336"/>
              <a:gd name="connsiteY96" fmla="*/ 1872148 h 2323145"/>
              <a:gd name="connsiteX97" fmla="*/ 6282550 w 11269336"/>
              <a:gd name="connsiteY97" fmla="*/ 1871392 h 2323145"/>
              <a:gd name="connsiteX98" fmla="*/ 6270527 w 11269336"/>
              <a:gd name="connsiteY98" fmla="*/ 1872208 h 2323145"/>
              <a:gd name="connsiteX99" fmla="*/ 6249518 w 11269336"/>
              <a:gd name="connsiteY99" fmla="*/ 1876079 h 2323145"/>
              <a:gd name="connsiteX100" fmla="*/ 6190386 w 11269336"/>
              <a:gd name="connsiteY100" fmla="*/ 1872478 h 2323145"/>
              <a:gd name="connsiteX101" fmla="*/ 6159777 w 11269336"/>
              <a:gd name="connsiteY101" fmla="*/ 1891745 h 2323145"/>
              <a:gd name="connsiteX102" fmla="*/ 6153131 w 11269336"/>
              <a:gd name="connsiteY102" fmla="*/ 1895079 h 2323145"/>
              <a:gd name="connsiteX103" fmla="*/ 6152798 w 11269336"/>
              <a:gd name="connsiteY103" fmla="*/ 1894920 h 2323145"/>
              <a:gd name="connsiteX104" fmla="*/ 6145388 w 11269336"/>
              <a:gd name="connsiteY104" fmla="*/ 1897990 h 2323145"/>
              <a:gd name="connsiteX105" fmla="*/ 6141014 w 11269336"/>
              <a:gd name="connsiteY105" fmla="*/ 1901155 h 2323145"/>
              <a:gd name="connsiteX106" fmla="*/ 6128122 w 11269336"/>
              <a:gd name="connsiteY106" fmla="*/ 1907623 h 2323145"/>
              <a:gd name="connsiteX107" fmla="*/ 6122351 w 11269336"/>
              <a:gd name="connsiteY107" fmla="*/ 1908359 h 2323145"/>
              <a:gd name="connsiteX108" fmla="*/ 6064750 w 11269336"/>
              <a:gd name="connsiteY108" fmla="*/ 1896394 h 2323145"/>
              <a:gd name="connsiteX109" fmla="*/ 5964230 w 11269336"/>
              <a:gd name="connsiteY109" fmla="*/ 1910038 h 2323145"/>
              <a:gd name="connsiteX110" fmla="*/ 5865399 w 11269336"/>
              <a:gd name="connsiteY110" fmla="*/ 1926966 h 2323145"/>
              <a:gd name="connsiteX111" fmla="*/ 5829951 w 11269336"/>
              <a:gd name="connsiteY111" fmla="*/ 1934755 h 2323145"/>
              <a:gd name="connsiteX112" fmla="*/ 5765285 w 11269336"/>
              <a:gd name="connsiteY112" fmla="*/ 1941322 h 2323145"/>
              <a:gd name="connsiteX113" fmla="*/ 5734750 w 11269336"/>
              <a:gd name="connsiteY113" fmla="*/ 1939793 h 2323145"/>
              <a:gd name="connsiteX114" fmla="*/ 5733569 w 11269336"/>
              <a:gd name="connsiteY114" fmla="*/ 1940505 h 2323145"/>
              <a:gd name="connsiteX115" fmla="*/ 5730329 w 11269336"/>
              <a:gd name="connsiteY115" fmla="*/ 1937845 h 2323145"/>
              <a:gd name="connsiteX116" fmla="*/ 5724661 w 11269336"/>
              <a:gd name="connsiteY116" fmla="*/ 1937455 h 2323145"/>
              <a:gd name="connsiteX117" fmla="*/ 5710186 w 11269336"/>
              <a:gd name="connsiteY117" fmla="*/ 1941370 h 2323145"/>
              <a:gd name="connsiteX118" fmla="*/ 5704910 w 11269336"/>
              <a:gd name="connsiteY118" fmla="*/ 1943663 h 2323145"/>
              <a:gd name="connsiteX119" fmla="*/ 5696836 w 11269336"/>
              <a:gd name="connsiteY119" fmla="*/ 1945271 h 2323145"/>
              <a:gd name="connsiteX120" fmla="*/ 5696583 w 11269336"/>
              <a:gd name="connsiteY120" fmla="*/ 1945050 h 2323145"/>
              <a:gd name="connsiteX121" fmla="*/ 5689123 w 11269336"/>
              <a:gd name="connsiteY121" fmla="*/ 1947067 h 2323145"/>
              <a:gd name="connsiteX122" fmla="*/ 5653291 w 11269336"/>
              <a:gd name="connsiteY122" fmla="*/ 1960245 h 2323145"/>
              <a:gd name="connsiteX123" fmla="*/ 5599385 w 11269336"/>
              <a:gd name="connsiteY123" fmla="*/ 1945198 h 2323145"/>
              <a:gd name="connsiteX124" fmla="*/ 5578300 w 11269336"/>
              <a:gd name="connsiteY124" fmla="*/ 1944963 h 2323145"/>
              <a:gd name="connsiteX125" fmla="*/ 5566758 w 11269336"/>
              <a:gd name="connsiteY125" fmla="*/ 1943441 h 2323145"/>
              <a:gd name="connsiteX126" fmla="*/ 5565857 w 11269336"/>
              <a:gd name="connsiteY126" fmla="*/ 1942445 h 2323145"/>
              <a:gd name="connsiteX127" fmla="*/ 5531534 w 11269336"/>
              <a:gd name="connsiteY127" fmla="*/ 1955208 h 2323145"/>
              <a:gd name="connsiteX128" fmla="*/ 5526552 w 11269336"/>
              <a:gd name="connsiteY128" fmla="*/ 1954799 h 2323145"/>
              <a:gd name="connsiteX129" fmla="*/ 5504723 w 11269336"/>
              <a:gd name="connsiteY129" fmla="*/ 1965811 h 2323145"/>
              <a:gd name="connsiteX130" fmla="*/ 5493156 w 11269336"/>
              <a:gd name="connsiteY130" fmla="*/ 1970063 h 2323145"/>
              <a:gd name="connsiteX131" fmla="*/ 5490486 w 11269336"/>
              <a:gd name="connsiteY131" fmla="*/ 1974227 h 2323145"/>
              <a:gd name="connsiteX132" fmla="*/ 5473107 w 11269336"/>
              <a:gd name="connsiteY132" fmla="*/ 1979001 h 2323145"/>
              <a:gd name="connsiteX133" fmla="*/ 5470885 w 11269336"/>
              <a:gd name="connsiteY133" fmla="*/ 1978432 h 2323145"/>
              <a:gd name="connsiteX134" fmla="*/ 5457393 w 11269336"/>
              <a:gd name="connsiteY134" fmla="*/ 1986525 h 2323145"/>
              <a:gd name="connsiteX135" fmla="*/ 5447102 w 11269336"/>
              <a:gd name="connsiteY135" fmla="*/ 1998329 h 2323145"/>
              <a:gd name="connsiteX136" fmla="*/ 5159151 w 11269336"/>
              <a:gd name="connsiteY136" fmla="*/ 2029640 h 2323145"/>
              <a:gd name="connsiteX137" fmla="*/ 5041688 w 11269336"/>
              <a:gd name="connsiteY137" fmla="*/ 2022334 h 2323145"/>
              <a:gd name="connsiteX138" fmla="*/ 4860988 w 11269336"/>
              <a:gd name="connsiteY138" fmla="*/ 2135698 h 2323145"/>
              <a:gd name="connsiteX139" fmla="*/ 4807902 w 11269336"/>
              <a:gd name="connsiteY139" fmla="*/ 2138894 h 2323145"/>
              <a:gd name="connsiteX140" fmla="*/ 4765388 w 11269336"/>
              <a:gd name="connsiteY140" fmla="*/ 2162525 h 2323145"/>
              <a:gd name="connsiteX141" fmla="*/ 4745033 w 11269336"/>
              <a:gd name="connsiteY141" fmla="*/ 2158859 h 2323145"/>
              <a:gd name="connsiteX142" fmla="*/ 4741475 w 11269336"/>
              <a:gd name="connsiteY142" fmla="*/ 2157998 h 2323145"/>
              <a:gd name="connsiteX143" fmla="*/ 4728247 w 11269336"/>
              <a:gd name="connsiteY143" fmla="*/ 2159526 h 2323145"/>
              <a:gd name="connsiteX144" fmla="*/ 4723263 w 11269336"/>
              <a:gd name="connsiteY144" fmla="*/ 2153742 h 2323145"/>
              <a:gd name="connsiteX145" fmla="*/ 4702453 w 11269336"/>
              <a:gd name="connsiteY145" fmla="*/ 2151586 h 2323145"/>
              <a:gd name="connsiteX146" fmla="*/ 4678455 w 11269336"/>
              <a:gd name="connsiteY146" fmla="*/ 2156131 h 2323145"/>
              <a:gd name="connsiteX147" fmla="*/ 4593061 w 11269336"/>
              <a:gd name="connsiteY147" fmla="*/ 2171597 h 2323145"/>
              <a:gd name="connsiteX148" fmla="*/ 4579902 w 11269336"/>
              <a:gd name="connsiteY148" fmla="*/ 2177927 h 2323145"/>
              <a:gd name="connsiteX149" fmla="*/ 4533444 w 11269336"/>
              <a:gd name="connsiteY149" fmla="*/ 2181200 h 2323145"/>
              <a:gd name="connsiteX150" fmla="*/ 4492832 w 11269336"/>
              <a:gd name="connsiteY150" fmla="*/ 2188033 h 2323145"/>
              <a:gd name="connsiteX151" fmla="*/ 4467257 w 11269336"/>
              <a:gd name="connsiteY151" fmla="*/ 2196121 h 2323145"/>
              <a:gd name="connsiteX152" fmla="*/ 4459937 w 11269336"/>
              <a:gd name="connsiteY152" fmla="*/ 2195182 h 2323145"/>
              <a:gd name="connsiteX153" fmla="*/ 4433312 w 11269336"/>
              <a:gd name="connsiteY153" fmla="*/ 2199004 h 2323145"/>
              <a:gd name="connsiteX154" fmla="*/ 4420601 w 11269336"/>
              <a:gd name="connsiteY154" fmla="*/ 2205158 h 2323145"/>
              <a:gd name="connsiteX155" fmla="*/ 4405765 w 11269336"/>
              <a:gd name="connsiteY155" fmla="*/ 2199902 h 2323145"/>
              <a:gd name="connsiteX156" fmla="*/ 4401354 w 11269336"/>
              <a:gd name="connsiteY156" fmla="*/ 2194745 h 2323145"/>
              <a:gd name="connsiteX157" fmla="*/ 4383151 w 11269336"/>
              <a:gd name="connsiteY157" fmla="*/ 2201140 h 2323145"/>
              <a:gd name="connsiteX158" fmla="*/ 4366646 w 11269336"/>
              <a:gd name="connsiteY158" fmla="*/ 2198564 h 2323145"/>
              <a:gd name="connsiteX159" fmla="*/ 4354009 w 11269336"/>
              <a:gd name="connsiteY159" fmla="*/ 2204984 h 2323145"/>
              <a:gd name="connsiteX160" fmla="*/ 4348284 w 11269336"/>
              <a:gd name="connsiteY160" fmla="*/ 2205270 h 2323145"/>
              <a:gd name="connsiteX161" fmla="*/ 4333906 w 11269336"/>
              <a:gd name="connsiteY161" fmla="*/ 2205251 h 2323145"/>
              <a:gd name="connsiteX162" fmla="*/ 4308819 w 11269336"/>
              <a:gd name="connsiteY162" fmla="*/ 2203822 h 2323145"/>
              <a:gd name="connsiteX163" fmla="*/ 4301210 w 11269336"/>
              <a:gd name="connsiteY163" fmla="*/ 2204456 h 2323145"/>
              <a:gd name="connsiteX164" fmla="*/ 4283095 w 11269336"/>
              <a:gd name="connsiteY164" fmla="*/ 2198177 h 2323145"/>
              <a:gd name="connsiteX165" fmla="*/ 4250119 w 11269336"/>
              <a:gd name="connsiteY165" fmla="*/ 2196342 h 2323145"/>
              <a:gd name="connsiteX166" fmla="*/ 4189203 w 11269336"/>
              <a:gd name="connsiteY166" fmla="*/ 2178994 h 2323145"/>
              <a:gd name="connsiteX167" fmla="*/ 4154035 w 11269336"/>
              <a:gd name="connsiteY167" fmla="*/ 2171950 h 2323145"/>
              <a:gd name="connsiteX168" fmla="*/ 4129569 w 11269336"/>
              <a:gd name="connsiteY168" fmla="*/ 2163850 h 2323145"/>
              <a:gd name="connsiteX169" fmla="*/ 4061250 w 11269336"/>
              <a:gd name="connsiteY169" fmla="*/ 2159236 h 2323145"/>
              <a:gd name="connsiteX170" fmla="*/ 3945480 w 11269336"/>
              <a:gd name="connsiteY170" fmla="*/ 2158279 h 2323145"/>
              <a:gd name="connsiteX171" fmla="*/ 3921468 w 11269336"/>
              <a:gd name="connsiteY171" fmla="*/ 2156588 h 2323145"/>
              <a:gd name="connsiteX172" fmla="*/ 3903348 w 11269336"/>
              <a:gd name="connsiteY172" fmla="*/ 2149220 h 2323145"/>
              <a:gd name="connsiteX173" fmla="*/ 3901342 w 11269336"/>
              <a:gd name="connsiteY173" fmla="*/ 2142355 h 2323145"/>
              <a:gd name="connsiteX174" fmla="*/ 3888539 w 11269336"/>
              <a:gd name="connsiteY174" fmla="*/ 2140476 h 2323145"/>
              <a:gd name="connsiteX175" fmla="*/ 3885662 w 11269336"/>
              <a:gd name="connsiteY175" fmla="*/ 2138740 h 2323145"/>
              <a:gd name="connsiteX176" fmla="*/ 3868627 w 11269336"/>
              <a:gd name="connsiteY176" fmla="*/ 2130023 h 2323145"/>
              <a:gd name="connsiteX177" fmla="*/ 3819177 w 11269336"/>
              <a:gd name="connsiteY177" fmla="*/ 2142111 h 2323145"/>
              <a:gd name="connsiteX178" fmla="*/ 3769100 w 11269336"/>
              <a:gd name="connsiteY178" fmla="*/ 2131731 h 2323145"/>
              <a:gd name="connsiteX179" fmla="*/ 3562752 w 11269336"/>
              <a:gd name="connsiteY179" fmla="*/ 2131785 h 2323145"/>
              <a:gd name="connsiteX180" fmla="*/ 3541402 w 11269336"/>
              <a:gd name="connsiteY180" fmla="*/ 2106821 h 2323145"/>
              <a:gd name="connsiteX181" fmla="*/ 3365341 w 11269336"/>
              <a:gd name="connsiteY181" fmla="*/ 2077638 h 2323145"/>
              <a:gd name="connsiteX182" fmla="*/ 3170922 w 11269336"/>
              <a:gd name="connsiteY182" fmla="*/ 2115957 h 2323145"/>
              <a:gd name="connsiteX183" fmla="*/ 3156256 w 11269336"/>
              <a:gd name="connsiteY183" fmla="*/ 2124773 h 2323145"/>
              <a:gd name="connsiteX184" fmla="*/ 3140298 w 11269336"/>
              <a:gd name="connsiteY184" fmla="*/ 2129182 h 2323145"/>
              <a:gd name="connsiteX185" fmla="*/ 3138514 w 11269336"/>
              <a:gd name="connsiteY185" fmla="*/ 2128069 h 2323145"/>
              <a:gd name="connsiteX186" fmla="*/ 3120467 w 11269336"/>
              <a:gd name="connsiteY186" fmla="*/ 2128281 h 2323145"/>
              <a:gd name="connsiteX187" fmla="*/ 3116175 w 11269336"/>
              <a:gd name="connsiteY187" fmla="*/ 2131633 h 2323145"/>
              <a:gd name="connsiteX188" fmla="*/ 3103685 w 11269336"/>
              <a:gd name="connsiteY188" fmla="*/ 2132814 h 2323145"/>
              <a:gd name="connsiteX189" fmla="*/ 3078794 w 11269336"/>
              <a:gd name="connsiteY189" fmla="*/ 2137935 h 2323145"/>
              <a:gd name="connsiteX190" fmla="*/ 3074407 w 11269336"/>
              <a:gd name="connsiteY190" fmla="*/ 2136274 h 2323145"/>
              <a:gd name="connsiteX191" fmla="*/ 3037285 w 11269336"/>
              <a:gd name="connsiteY191" fmla="*/ 2139919 h 2323145"/>
              <a:gd name="connsiteX192" fmla="*/ 3036901 w 11269336"/>
              <a:gd name="connsiteY192" fmla="*/ 2138726 h 2323145"/>
              <a:gd name="connsiteX193" fmla="*/ 3026996 w 11269336"/>
              <a:gd name="connsiteY193" fmla="*/ 2134322 h 2323145"/>
              <a:gd name="connsiteX194" fmla="*/ 3007772 w 11269336"/>
              <a:gd name="connsiteY194" fmla="*/ 2128742 h 2323145"/>
              <a:gd name="connsiteX195" fmla="*/ 2965030 w 11269336"/>
              <a:gd name="connsiteY195" fmla="*/ 2100494 h 2323145"/>
              <a:gd name="connsiteX196" fmla="*/ 2926342 w 11269336"/>
              <a:gd name="connsiteY196" fmla="*/ 2104155 h 2323145"/>
              <a:gd name="connsiteX197" fmla="*/ 2918608 w 11269336"/>
              <a:gd name="connsiteY197" fmla="*/ 2104215 h 2323145"/>
              <a:gd name="connsiteX198" fmla="*/ 2918475 w 11269336"/>
              <a:gd name="connsiteY198" fmla="*/ 2103937 h 2323145"/>
              <a:gd name="connsiteX199" fmla="*/ 2910360 w 11269336"/>
              <a:gd name="connsiteY199" fmla="*/ 2103444 h 2323145"/>
              <a:gd name="connsiteX200" fmla="*/ 2904507 w 11269336"/>
              <a:gd name="connsiteY200" fmla="*/ 2104326 h 2323145"/>
              <a:gd name="connsiteX201" fmla="*/ 2889503 w 11269336"/>
              <a:gd name="connsiteY201" fmla="*/ 2104443 h 2323145"/>
              <a:gd name="connsiteX202" fmla="*/ 2884480 w 11269336"/>
              <a:gd name="connsiteY202" fmla="*/ 2102626 h 2323145"/>
              <a:gd name="connsiteX203" fmla="*/ 2882689 w 11269336"/>
              <a:gd name="connsiteY203" fmla="*/ 2099228 h 2323145"/>
              <a:gd name="connsiteX204" fmla="*/ 2881291 w 11269336"/>
              <a:gd name="connsiteY204" fmla="*/ 2099618 h 2323145"/>
              <a:gd name="connsiteX205" fmla="*/ 2853979 w 11269336"/>
              <a:gd name="connsiteY205" fmla="*/ 2090388 h 2323145"/>
              <a:gd name="connsiteX206" fmla="*/ 2791790 w 11269336"/>
              <a:gd name="connsiteY206" fmla="*/ 2080332 h 2323145"/>
              <a:gd name="connsiteX207" fmla="*/ 2755844 w 11269336"/>
              <a:gd name="connsiteY207" fmla="*/ 2078874 h 2323145"/>
              <a:gd name="connsiteX208" fmla="*/ 2657742 w 11269336"/>
              <a:gd name="connsiteY208" fmla="*/ 2070179 h 2323145"/>
              <a:gd name="connsiteX209" fmla="*/ 2559549 w 11269336"/>
              <a:gd name="connsiteY209" fmla="*/ 2057873 h 2323145"/>
              <a:gd name="connsiteX210" fmla="*/ 2512054 w 11269336"/>
              <a:gd name="connsiteY210" fmla="*/ 2031671 h 2323145"/>
              <a:gd name="connsiteX211" fmla="*/ 2506437 w 11269336"/>
              <a:gd name="connsiteY211" fmla="*/ 2030918 h 2323145"/>
              <a:gd name="connsiteX212" fmla="*/ 2491752 w 11269336"/>
              <a:gd name="connsiteY212" fmla="*/ 2033906 h 2323145"/>
              <a:gd name="connsiteX213" fmla="*/ 2486338 w 11269336"/>
              <a:gd name="connsiteY213" fmla="*/ 2035862 h 2323145"/>
              <a:gd name="connsiteX214" fmla="*/ 2478186 w 11269336"/>
              <a:gd name="connsiteY214" fmla="*/ 2036953 h 2323145"/>
              <a:gd name="connsiteX215" fmla="*/ 2477950 w 11269336"/>
              <a:gd name="connsiteY215" fmla="*/ 2036715 h 2323145"/>
              <a:gd name="connsiteX216" fmla="*/ 2470381 w 11269336"/>
              <a:gd name="connsiteY216" fmla="*/ 2038256 h 2323145"/>
              <a:gd name="connsiteX217" fmla="*/ 2433781 w 11269336"/>
              <a:gd name="connsiteY217" fmla="*/ 2049140 h 2323145"/>
              <a:gd name="connsiteX218" fmla="*/ 2381172 w 11269336"/>
              <a:gd name="connsiteY218" fmla="*/ 2030645 h 2323145"/>
              <a:gd name="connsiteX219" fmla="*/ 2360198 w 11269336"/>
              <a:gd name="connsiteY219" fmla="*/ 2029059 h 2323145"/>
              <a:gd name="connsiteX220" fmla="*/ 2348815 w 11269336"/>
              <a:gd name="connsiteY220" fmla="*/ 2026798 h 2323145"/>
              <a:gd name="connsiteX221" fmla="*/ 2347988 w 11269336"/>
              <a:gd name="connsiteY221" fmla="*/ 2025745 h 2323145"/>
              <a:gd name="connsiteX222" fmla="*/ 2312920 w 11269336"/>
              <a:gd name="connsiteY222" fmla="*/ 2036311 h 2323145"/>
              <a:gd name="connsiteX223" fmla="*/ 2307986 w 11269336"/>
              <a:gd name="connsiteY223" fmla="*/ 2035583 h 2323145"/>
              <a:gd name="connsiteX224" fmla="*/ 2285481 w 11269336"/>
              <a:gd name="connsiteY224" fmla="*/ 2045197 h 2323145"/>
              <a:gd name="connsiteX225" fmla="*/ 2273666 w 11269336"/>
              <a:gd name="connsiteY225" fmla="*/ 2048710 h 2323145"/>
              <a:gd name="connsiteX226" fmla="*/ 2270719 w 11269336"/>
              <a:gd name="connsiteY226" fmla="*/ 2052702 h 2323145"/>
              <a:gd name="connsiteX227" fmla="*/ 2253080 w 11269336"/>
              <a:gd name="connsiteY227" fmla="*/ 2056363 h 2323145"/>
              <a:gd name="connsiteX228" fmla="*/ 2250906 w 11269336"/>
              <a:gd name="connsiteY228" fmla="*/ 2055654 h 2323145"/>
              <a:gd name="connsiteX229" fmla="*/ 2236905 w 11269336"/>
              <a:gd name="connsiteY229" fmla="*/ 2062882 h 2323145"/>
              <a:gd name="connsiteX230" fmla="*/ 2225830 w 11269336"/>
              <a:gd name="connsiteY230" fmla="*/ 2074027 h 2323145"/>
              <a:gd name="connsiteX231" fmla="*/ 2073776 w 11269336"/>
              <a:gd name="connsiteY231" fmla="*/ 2089244 h 2323145"/>
              <a:gd name="connsiteX232" fmla="*/ 1948256 w 11269336"/>
              <a:gd name="connsiteY232" fmla="*/ 2146616 h 2323145"/>
              <a:gd name="connsiteX233" fmla="*/ 1865582 w 11269336"/>
              <a:gd name="connsiteY233" fmla="*/ 2153738 h 2323145"/>
              <a:gd name="connsiteX234" fmla="*/ 1835210 w 11269336"/>
              <a:gd name="connsiteY234" fmla="*/ 2134244 h 2323145"/>
              <a:gd name="connsiteX235" fmla="*/ 1632661 w 11269336"/>
              <a:gd name="connsiteY235" fmla="*/ 2173882 h 2323145"/>
              <a:gd name="connsiteX236" fmla="*/ 1579590 w 11269336"/>
              <a:gd name="connsiteY236" fmla="*/ 2173680 h 2323145"/>
              <a:gd name="connsiteX237" fmla="*/ 1535601 w 11269336"/>
              <a:gd name="connsiteY237" fmla="*/ 2194590 h 2323145"/>
              <a:gd name="connsiteX238" fmla="*/ 1515594 w 11269336"/>
              <a:gd name="connsiteY238" fmla="*/ 2189622 h 2323145"/>
              <a:gd name="connsiteX239" fmla="*/ 1512113 w 11269336"/>
              <a:gd name="connsiteY239" fmla="*/ 2188534 h 2323145"/>
              <a:gd name="connsiteX240" fmla="*/ 1498838 w 11269336"/>
              <a:gd name="connsiteY240" fmla="*/ 2189213 h 2323145"/>
              <a:gd name="connsiteX241" fmla="*/ 1494279 w 11269336"/>
              <a:gd name="connsiteY241" fmla="*/ 2183112 h 2323145"/>
              <a:gd name="connsiteX242" fmla="*/ 1473714 w 11269336"/>
              <a:gd name="connsiteY242" fmla="*/ 2179625 h 2323145"/>
              <a:gd name="connsiteX243" fmla="*/ 1449503 w 11269336"/>
              <a:gd name="connsiteY243" fmla="*/ 2182633 h 2323145"/>
              <a:gd name="connsiteX244" fmla="*/ 1266687 w 11269336"/>
              <a:gd name="connsiteY244" fmla="*/ 2212688 h 2323145"/>
              <a:gd name="connsiteX245" fmla="*/ 1239614 w 11269336"/>
              <a:gd name="connsiteY245" fmla="*/ 2209727 h 2323145"/>
              <a:gd name="connsiteX246" fmla="*/ 1202436 w 11269336"/>
              <a:gd name="connsiteY246" fmla="*/ 2209817 h 2323145"/>
              <a:gd name="connsiteX247" fmla="*/ 1136097 w 11269336"/>
              <a:gd name="connsiteY247" fmla="*/ 2205112 h 2323145"/>
              <a:gd name="connsiteX248" fmla="*/ 988232 w 11269336"/>
              <a:gd name="connsiteY248" fmla="*/ 2235635 h 2323145"/>
              <a:gd name="connsiteX249" fmla="*/ 981959 w 11269336"/>
              <a:gd name="connsiteY249" fmla="*/ 2231607 h 2323145"/>
              <a:gd name="connsiteX250" fmla="*/ 938600 w 11269336"/>
              <a:gd name="connsiteY250" fmla="*/ 2238113 h 2323145"/>
              <a:gd name="connsiteX251" fmla="*/ 791788 w 11269336"/>
              <a:gd name="connsiteY251" fmla="*/ 2293224 h 2323145"/>
              <a:gd name="connsiteX252" fmla="*/ 706914 w 11269336"/>
              <a:gd name="connsiteY252" fmla="*/ 2305046 h 2323145"/>
              <a:gd name="connsiteX253" fmla="*/ 675971 w 11269336"/>
              <a:gd name="connsiteY253" fmla="*/ 2304030 h 2323145"/>
              <a:gd name="connsiteX254" fmla="*/ 624180 w 11269336"/>
              <a:gd name="connsiteY254" fmla="*/ 2302650 h 2323145"/>
              <a:gd name="connsiteX255" fmla="*/ 583453 w 11269336"/>
              <a:gd name="connsiteY255" fmla="*/ 2288788 h 2323145"/>
              <a:gd name="connsiteX256" fmla="*/ 540946 w 11269336"/>
              <a:gd name="connsiteY256" fmla="*/ 2292721 h 2323145"/>
              <a:gd name="connsiteX257" fmla="*/ 533680 w 11269336"/>
              <a:gd name="connsiteY257" fmla="*/ 2310233 h 2323145"/>
              <a:gd name="connsiteX258" fmla="*/ 487366 w 11269336"/>
              <a:gd name="connsiteY258" fmla="*/ 2309053 h 2323145"/>
              <a:gd name="connsiteX259" fmla="*/ 416820 w 11269336"/>
              <a:gd name="connsiteY259" fmla="*/ 2305443 h 2323145"/>
              <a:gd name="connsiteX260" fmla="*/ 376805 w 11269336"/>
              <a:gd name="connsiteY260" fmla="*/ 2307647 h 2323145"/>
              <a:gd name="connsiteX261" fmla="*/ 266777 w 11269336"/>
              <a:gd name="connsiteY261" fmla="*/ 2309012 h 2323145"/>
              <a:gd name="connsiteX262" fmla="*/ 156013 w 11269336"/>
              <a:gd name="connsiteY262" fmla="*/ 2306832 h 2323145"/>
              <a:gd name="connsiteX263" fmla="*/ 87258 w 11269336"/>
              <a:gd name="connsiteY263" fmla="*/ 2285511 h 2323145"/>
              <a:gd name="connsiteX264" fmla="*/ 23798 w 11269336"/>
              <a:gd name="connsiteY264" fmla="*/ 2281822 h 2323145"/>
              <a:gd name="connsiteX265" fmla="*/ 0 w 11269336"/>
              <a:gd name="connsiteY265" fmla="*/ 2285369 h 2323145"/>
              <a:gd name="connsiteX266" fmla="*/ 0 w 11269336"/>
              <a:gd name="connsiteY26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39429 w 11269336"/>
              <a:gd name="connsiteY20" fmla="*/ 696446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028928 w 11269336"/>
              <a:gd name="connsiteY21" fmla="*/ 745350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47030 w 11269336"/>
              <a:gd name="connsiteY23" fmla="*/ 814934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882654 w 11269336"/>
              <a:gd name="connsiteY29" fmla="*/ 892768 h 2323145"/>
              <a:gd name="connsiteX30" fmla="*/ 8795998 w 11269336"/>
              <a:gd name="connsiteY30" fmla="*/ 863337 h 2323145"/>
              <a:gd name="connsiteX31" fmla="*/ 8776970 w 11269336"/>
              <a:gd name="connsiteY31" fmla="*/ 885177 h 2323145"/>
              <a:gd name="connsiteX32" fmla="*/ 8755719 w 11269336"/>
              <a:gd name="connsiteY32" fmla="*/ 889754 h 2323145"/>
              <a:gd name="connsiteX33" fmla="*/ 8743257 w 11269336"/>
              <a:gd name="connsiteY33" fmla="*/ 904723 h 2323145"/>
              <a:gd name="connsiteX34" fmla="*/ 8721366 w 11269336"/>
              <a:gd name="connsiteY34" fmla="*/ 904711 h 2323145"/>
              <a:gd name="connsiteX35" fmla="*/ 8678353 w 11269336"/>
              <a:gd name="connsiteY35" fmla="*/ 926318 h 2323145"/>
              <a:gd name="connsiteX36" fmla="*/ 8636849 w 11269336"/>
              <a:gd name="connsiteY36" fmla="*/ 937900 h 2323145"/>
              <a:gd name="connsiteX37" fmla="*/ 8620213 w 11269336"/>
              <a:gd name="connsiteY37" fmla="*/ 943068 h 2323145"/>
              <a:gd name="connsiteX38" fmla="*/ 8612581 w 11269336"/>
              <a:gd name="connsiteY38" fmla="*/ 952695 h 2323145"/>
              <a:gd name="connsiteX39" fmla="*/ 8589038 w 11269336"/>
              <a:gd name="connsiteY39" fmla="*/ 963892 h 2323145"/>
              <a:gd name="connsiteX40" fmla="*/ 8579950 w 11269336"/>
              <a:gd name="connsiteY40" fmla="*/ 960899 h 2323145"/>
              <a:gd name="connsiteX41" fmla="*/ 8579319 w 11269336"/>
              <a:gd name="connsiteY41" fmla="*/ 965630 h 2323145"/>
              <a:gd name="connsiteX42" fmla="*/ 8547429 w 11269336"/>
              <a:gd name="connsiteY42" fmla="*/ 984506 h 2323145"/>
              <a:gd name="connsiteX43" fmla="*/ 8478704 w 11269336"/>
              <a:gd name="connsiteY43" fmla="*/ 1025490 h 2323145"/>
              <a:gd name="connsiteX44" fmla="*/ 8461421 w 11269336"/>
              <a:gd name="connsiteY44" fmla="*/ 1035512 h 2323145"/>
              <a:gd name="connsiteX45" fmla="*/ 8445003 w 11269336"/>
              <a:gd name="connsiteY45" fmla="*/ 1036851 h 2323145"/>
              <a:gd name="connsiteX46" fmla="*/ 8357350 w 11269336"/>
              <a:gd name="connsiteY46" fmla="*/ 1060213 h 2323145"/>
              <a:gd name="connsiteX47" fmla="*/ 8335565 w 11269336"/>
              <a:gd name="connsiteY47" fmla="*/ 1061151 h 2323145"/>
              <a:gd name="connsiteX48" fmla="*/ 8325267 w 11269336"/>
              <a:gd name="connsiteY48" fmla="*/ 1055919 h 2323145"/>
              <a:gd name="connsiteX49" fmla="*/ 8293586 w 11269336"/>
              <a:gd name="connsiteY49" fmla="*/ 1076144 h 2323145"/>
              <a:gd name="connsiteX50" fmla="*/ 8242405 w 11269336"/>
              <a:gd name="connsiteY50" fmla="*/ 1095960 h 2323145"/>
              <a:gd name="connsiteX51" fmla="*/ 8197391 w 11269336"/>
              <a:gd name="connsiteY51" fmla="*/ 1107746 h 2323145"/>
              <a:gd name="connsiteX52" fmla="*/ 8081474 w 11269336"/>
              <a:gd name="connsiteY52" fmla="*/ 1130125 h 2323145"/>
              <a:gd name="connsiteX53" fmla="*/ 8053585 w 11269336"/>
              <a:gd name="connsiteY53" fmla="*/ 1129169 h 2323145"/>
              <a:gd name="connsiteX54" fmla="*/ 8038422 w 11269336"/>
              <a:gd name="connsiteY54" fmla="*/ 1119092 h 2323145"/>
              <a:gd name="connsiteX55" fmla="*/ 8029450 w 11269336"/>
              <a:gd name="connsiteY55" fmla="*/ 1125592 h 2323145"/>
              <a:gd name="connsiteX56" fmla="*/ 7959552 w 11269336"/>
              <a:gd name="connsiteY56" fmla="*/ 1140188 h 2323145"/>
              <a:gd name="connsiteX57" fmla="*/ 7914188 w 11269336"/>
              <a:gd name="connsiteY57" fmla="*/ 1150862 h 2323145"/>
              <a:gd name="connsiteX58" fmla="*/ 7914918 w 11269336"/>
              <a:gd name="connsiteY58" fmla="*/ 1168758 h 2323145"/>
              <a:gd name="connsiteX59" fmla="*/ 7875510 w 11269336"/>
              <a:gd name="connsiteY59" fmla="*/ 1183153 h 2323145"/>
              <a:gd name="connsiteX60" fmla="*/ 7829932 w 11269336"/>
              <a:gd name="connsiteY60" fmla="*/ 1180782 h 2323145"/>
              <a:gd name="connsiteX61" fmla="*/ 7779182 w 11269336"/>
              <a:gd name="connsiteY61" fmla="*/ 1192665 h 2323145"/>
              <a:gd name="connsiteX62" fmla="*/ 7748774 w 11269336"/>
              <a:gd name="connsiteY62" fmla="*/ 1199586 h 2323145"/>
              <a:gd name="connsiteX63" fmla="*/ 7671846 w 11269336"/>
              <a:gd name="connsiteY63" fmla="*/ 1231966 h 2323145"/>
              <a:gd name="connsiteX64" fmla="*/ 7554146 w 11269336"/>
              <a:gd name="connsiteY64" fmla="*/ 1319748 h 2323145"/>
              <a:gd name="connsiteX65" fmla="*/ 7515052 w 11269336"/>
              <a:gd name="connsiteY65" fmla="*/ 1336718 h 2323145"/>
              <a:gd name="connsiteX66" fmla="*/ 7507193 w 11269336"/>
              <a:gd name="connsiteY66" fmla="*/ 1334617 h 2323145"/>
              <a:gd name="connsiteX67" fmla="*/ 7461694 w 11269336"/>
              <a:gd name="connsiteY67" fmla="*/ 1375866 h 2323145"/>
              <a:gd name="connsiteX68" fmla="*/ 7377571 w 11269336"/>
              <a:gd name="connsiteY68" fmla="*/ 1400128 h 2323145"/>
              <a:gd name="connsiteX69" fmla="*/ 7311261 w 11269336"/>
              <a:gd name="connsiteY69" fmla="*/ 1412652 h 2323145"/>
              <a:gd name="connsiteX70" fmla="*/ 7275307 w 11269336"/>
              <a:gd name="connsiteY70" fmla="*/ 1422171 h 2323145"/>
              <a:gd name="connsiteX71" fmla="*/ 7247783 w 11269336"/>
              <a:gd name="connsiteY71" fmla="*/ 1426330 h 2323145"/>
              <a:gd name="connsiteX72" fmla="*/ 7185047 w 11269336"/>
              <a:gd name="connsiteY72" fmla="*/ 1451812 h 2323145"/>
              <a:gd name="connsiteX73" fmla="*/ 7084117 w 11269336"/>
              <a:gd name="connsiteY73" fmla="*/ 1500281 h 2323145"/>
              <a:gd name="connsiteX74" fmla="*/ 7062011 w 11269336"/>
              <a:gd name="connsiteY74" fmla="*/ 1509183 h 2323145"/>
              <a:gd name="connsiteX75" fmla="*/ 7040555 w 11269336"/>
              <a:gd name="connsiteY75" fmla="*/ 1511207 h 2323145"/>
              <a:gd name="connsiteX76" fmla="*/ 7033438 w 11269336"/>
              <a:gd name="connsiteY76" fmla="*/ 1506772 h 2323145"/>
              <a:gd name="connsiteX77" fmla="*/ 7020886 w 11269336"/>
              <a:gd name="connsiteY77" fmla="*/ 1510764 h 2323145"/>
              <a:gd name="connsiteX78" fmla="*/ 7017033 w 11269336"/>
              <a:gd name="connsiteY78" fmla="*/ 1510650 h 2323145"/>
              <a:gd name="connsiteX79" fmla="*/ 6995460 w 11269336"/>
              <a:gd name="connsiteY79" fmla="*/ 1511173 h 2323145"/>
              <a:gd name="connsiteX80" fmla="*/ 6962144 w 11269336"/>
              <a:gd name="connsiteY80" fmla="*/ 1541508 h 2323145"/>
              <a:gd name="connsiteX81" fmla="*/ 6910674 w 11269336"/>
              <a:gd name="connsiteY81" fmla="*/ 1554793 h 2323145"/>
              <a:gd name="connsiteX82" fmla="*/ 6732152 w 11269336"/>
              <a:gd name="connsiteY82" fmla="*/ 1642538 h 2323145"/>
              <a:gd name="connsiteX83" fmla="*/ 6694106 w 11269336"/>
              <a:gd name="connsiteY83" fmla="*/ 1632377 h 2323145"/>
              <a:gd name="connsiteX84" fmla="*/ 6617223 w 11269336"/>
              <a:gd name="connsiteY84" fmla="*/ 1659889 h 2323145"/>
              <a:gd name="connsiteX85" fmla="*/ 6521138 w 11269336"/>
              <a:gd name="connsiteY85" fmla="*/ 1744340 h 2323145"/>
              <a:gd name="connsiteX86" fmla="*/ 6380677 w 11269336"/>
              <a:gd name="connsiteY86" fmla="*/ 1796883 h 2323145"/>
              <a:gd name="connsiteX87" fmla="*/ 6374897 w 11269336"/>
              <a:gd name="connsiteY87" fmla="*/ 1809910 h 2323145"/>
              <a:gd name="connsiteX88" fmla="*/ 6364545 w 11269336"/>
              <a:gd name="connsiteY88" fmla="*/ 1820090 h 2323145"/>
              <a:gd name="connsiteX89" fmla="*/ 6362126 w 11269336"/>
              <a:gd name="connsiteY89" fmla="*/ 1819991 h 2323145"/>
              <a:gd name="connsiteX90" fmla="*/ 6346673 w 11269336"/>
              <a:gd name="connsiteY90" fmla="*/ 1827824 h 2323145"/>
              <a:gd name="connsiteX91" fmla="*/ 6345588 w 11269336"/>
              <a:gd name="connsiteY91" fmla="*/ 1832232 h 2323145"/>
              <a:gd name="connsiteX92" fmla="*/ 6335708 w 11269336"/>
              <a:gd name="connsiteY92" fmla="*/ 1838451 h 2323145"/>
              <a:gd name="connsiteX93" fmla="*/ 6318182 w 11269336"/>
              <a:gd name="connsiteY93" fmla="*/ 1852975 h 2323145"/>
              <a:gd name="connsiteX94" fmla="*/ 6313084 w 11269336"/>
              <a:gd name="connsiteY94" fmla="*/ 1853561 h 2323145"/>
              <a:gd name="connsiteX95" fmla="*/ 6283816 w 11269336"/>
              <a:gd name="connsiteY95" fmla="*/ 1872148 h 2323145"/>
              <a:gd name="connsiteX96" fmla="*/ 6282550 w 11269336"/>
              <a:gd name="connsiteY96" fmla="*/ 1871392 h 2323145"/>
              <a:gd name="connsiteX97" fmla="*/ 6270527 w 11269336"/>
              <a:gd name="connsiteY97" fmla="*/ 1872208 h 2323145"/>
              <a:gd name="connsiteX98" fmla="*/ 6249518 w 11269336"/>
              <a:gd name="connsiteY98" fmla="*/ 1876079 h 2323145"/>
              <a:gd name="connsiteX99" fmla="*/ 6190386 w 11269336"/>
              <a:gd name="connsiteY99" fmla="*/ 1872478 h 2323145"/>
              <a:gd name="connsiteX100" fmla="*/ 6159777 w 11269336"/>
              <a:gd name="connsiteY100" fmla="*/ 1891745 h 2323145"/>
              <a:gd name="connsiteX101" fmla="*/ 6153131 w 11269336"/>
              <a:gd name="connsiteY101" fmla="*/ 1895079 h 2323145"/>
              <a:gd name="connsiteX102" fmla="*/ 6152798 w 11269336"/>
              <a:gd name="connsiteY102" fmla="*/ 1894920 h 2323145"/>
              <a:gd name="connsiteX103" fmla="*/ 6145388 w 11269336"/>
              <a:gd name="connsiteY103" fmla="*/ 1897990 h 2323145"/>
              <a:gd name="connsiteX104" fmla="*/ 6141014 w 11269336"/>
              <a:gd name="connsiteY104" fmla="*/ 1901155 h 2323145"/>
              <a:gd name="connsiteX105" fmla="*/ 6128122 w 11269336"/>
              <a:gd name="connsiteY105" fmla="*/ 1907623 h 2323145"/>
              <a:gd name="connsiteX106" fmla="*/ 6122351 w 11269336"/>
              <a:gd name="connsiteY106" fmla="*/ 1908359 h 2323145"/>
              <a:gd name="connsiteX107" fmla="*/ 6064750 w 11269336"/>
              <a:gd name="connsiteY107" fmla="*/ 1896394 h 2323145"/>
              <a:gd name="connsiteX108" fmla="*/ 5964230 w 11269336"/>
              <a:gd name="connsiteY108" fmla="*/ 1910038 h 2323145"/>
              <a:gd name="connsiteX109" fmla="*/ 5865399 w 11269336"/>
              <a:gd name="connsiteY109" fmla="*/ 1926966 h 2323145"/>
              <a:gd name="connsiteX110" fmla="*/ 5829951 w 11269336"/>
              <a:gd name="connsiteY110" fmla="*/ 1934755 h 2323145"/>
              <a:gd name="connsiteX111" fmla="*/ 5765285 w 11269336"/>
              <a:gd name="connsiteY111" fmla="*/ 1941322 h 2323145"/>
              <a:gd name="connsiteX112" fmla="*/ 5734750 w 11269336"/>
              <a:gd name="connsiteY112" fmla="*/ 1939793 h 2323145"/>
              <a:gd name="connsiteX113" fmla="*/ 5733569 w 11269336"/>
              <a:gd name="connsiteY113" fmla="*/ 1940505 h 2323145"/>
              <a:gd name="connsiteX114" fmla="*/ 5730329 w 11269336"/>
              <a:gd name="connsiteY114" fmla="*/ 1937845 h 2323145"/>
              <a:gd name="connsiteX115" fmla="*/ 5724661 w 11269336"/>
              <a:gd name="connsiteY115" fmla="*/ 1937455 h 2323145"/>
              <a:gd name="connsiteX116" fmla="*/ 5710186 w 11269336"/>
              <a:gd name="connsiteY116" fmla="*/ 1941370 h 2323145"/>
              <a:gd name="connsiteX117" fmla="*/ 5704910 w 11269336"/>
              <a:gd name="connsiteY117" fmla="*/ 1943663 h 2323145"/>
              <a:gd name="connsiteX118" fmla="*/ 5696836 w 11269336"/>
              <a:gd name="connsiteY118" fmla="*/ 1945271 h 2323145"/>
              <a:gd name="connsiteX119" fmla="*/ 5696583 w 11269336"/>
              <a:gd name="connsiteY119" fmla="*/ 1945050 h 2323145"/>
              <a:gd name="connsiteX120" fmla="*/ 5689123 w 11269336"/>
              <a:gd name="connsiteY120" fmla="*/ 1947067 h 2323145"/>
              <a:gd name="connsiteX121" fmla="*/ 5653291 w 11269336"/>
              <a:gd name="connsiteY121" fmla="*/ 1960245 h 2323145"/>
              <a:gd name="connsiteX122" fmla="*/ 5599385 w 11269336"/>
              <a:gd name="connsiteY122" fmla="*/ 1945198 h 2323145"/>
              <a:gd name="connsiteX123" fmla="*/ 5578300 w 11269336"/>
              <a:gd name="connsiteY123" fmla="*/ 1944963 h 2323145"/>
              <a:gd name="connsiteX124" fmla="*/ 5566758 w 11269336"/>
              <a:gd name="connsiteY124" fmla="*/ 1943441 h 2323145"/>
              <a:gd name="connsiteX125" fmla="*/ 5565857 w 11269336"/>
              <a:gd name="connsiteY125" fmla="*/ 1942445 h 2323145"/>
              <a:gd name="connsiteX126" fmla="*/ 5531534 w 11269336"/>
              <a:gd name="connsiteY126" fmla="*/ 1955208 h 2323145"/>
              <a:gd name="connsiteX127" fmla="*/ 5526552 w 11269336"/>
              <a:gd name="connsiteY127" fmla="*/ 1954799 h 2323145"/>
              <a:gd name="connsiteX128" fmla="*/ 5504723 w 11269336"/>
              <a:gd name="connsiteY128" fmla="*/ 1965811 h 2323145"/>
              <a:gd name="connsiteX129" fmla="*/ 5493156 w 11269336"/>
              <a:gd name="connsiteY129" fmla="*/ 1970063 h 2323145"/>
              <a:gd name="connsiteX130" fmla="*/ 5490486 w 11269336"/>
              <a:gd name="connsiteY130" fmla="*/ 1974227 h 2323145"/>
              <a:gd name="connsiteX131" fmla="*/ 5473107 w 11269336"/>
              <a:gd name="connsiteY131" fmla="*/ 1979001 h 2323145"/>
              <a:gd name="connsiteX132" fmla="*/ 5470885 w 11269336"/>
              <a:gd name="connsiteY132" fmla="*/ 1978432 h 2323145"/>
              <a:gd name="connsiteX133" fmla="*/ 5457393 w 11269336"/>
              <a:gd name="connsiteY133" fmla="*/ 1986525 h 2323145"/>
              <a:gd name="connsiteX134" fmla="*/ 5447102 w 11269336"/>
              <a:gd name="connsiteY134" fmla="*/ 1998329 h 2323145"/>
              <a:gd name="connsiteX135" fmla="*/ 5159151 w 11269336"/>
              <a:gd name="connsiteY135" fmla="*/ 2029640 h 2323145"/>
              <a:gd name="connsiteX136" fmla="*/ 5041688 w 11269336"/>
              <a:gd name="connsiteY136" fmla="*/ 2022334 h 2323145"/>
              <a:gd name="connsiteX137" fmla="*/ 4860988 w 11269336"/>
              <a:gd name="connsiteY137" fmla="*/ 2135698 h 2323145"/>
              <a:gd name="connsiteX138" fmla="*/ 4807902 w 11269336"/>
              <a:gd name="connsiteY138" fmla="*/ 2138894 h 2323145"/>
              <a:gd name="connsiteX139" fmla="*/ 4765388 w 11269336"/>
              <a:gd name="connsiteY139" fmla="*/ 2162525 h 2323145"/>
              <a:gd name="connsiteX140" fmla="*/ 4745033 w 11269336"/>
              <a:gd name="connsiteY140" fmla="*/ 2158859 h 2323145"/>
              <a:gd name="connsiteX141" fmla="*/ 4741475 w 11269336"/>
              <a:gd name="connsiteY141" fmla="*/ 2157998 h 2323145"/>
              <a:gd name="connsiteX142" fmla="*/ 4728247 w 11269336"/>
              <a:gd name="connsiteY142" fmla="*/ 2159526 h 2323145"/>
              <a:gd name="connsiteX143" fmla="*/ 4723263 w 11269336"/>
              <a:gd name="connsiteY143" fmla="*/ 2153742 h 2323145"/>
              <a:gd name="connsiteX144" fmla="*/ 4702453 w 11269336"/>
              <a:gd name="connsiteY144" fmla="*/ 2151586 h 2323145"/>
              <a:gd name="connsiteX145" fmla="*/ 4678455 w 11269336"/>
              <a:gd name="connsiteY145" fmla="*/ 2156131 h 2323145"/>
              <a:gd name="connsiteX146" fmla="*/ 4593061 w 11269336"/>
              <a:gd name="connsiteY146" fmla="*/ 2171597 h 2323145"/>
              <a:gd name="connsiteX147" fmla="*/ 4579902 w 11269336"/>
              <a:gd name="connsiteY147" fmla="*/ 2177927 h 2323145"/>
              <a:gd name="connsiteX148" fmla="*/ 4533444 w 11269336"/>
              <a:gd name="connsiteY148" fmla="*/ 2181200 h 2323145"/>
              <a:gd name="connsiteX149" fmla="*/ 4492832 w 11269336"/>
              <a:gd name="connsiteY149" fmla="*/ 2188033 h 2323145"/>
              <a:gd name="connsiteX150" fmla="*/ 4467257 w 11269336"/>
              <a:gd name="connsiteY150" fmla="*/ 2196121 h 2323145"/>
              <a:gd name="connsiteX151" fmla="*/ 4459937 w 11269336"/>
              <a:gd name="connsiteY151" fmla="*/ 2195182 h 2323145"/>
              <a:gd name="connsiteX152" fmla="*/ 4433312 w 11269336"/>
              <a:gd name="connsiteY152" fmla="*/ 2199004 h 2323145"/>
              <a:gd name="connsiteX153" fmla="*/ 4420601 w 11269336"/>
              <a:gd name="connsiteY153" fmla="*/ 2205158 h 2323145"/>
              <a:gd name="connsiteX154" fmla="*/ 4405765 w 11269336"/>
              <a:gd name="connsiteY154" fmla="*/ 2199902 h 2323145"/>
              <a:gd name="connsiteX155" fmla="*/ 4401354 w 11269336"/>
              <a:gd name="connsiteY155" fmla="*/ 2194745 h 2323145"/>
              <a:gd name="connsiteX156" fmla="*/ 4383151 w 11269336"/>
              <a:gd name="connsiteY156" fmla="*/ 2201140 h 2323145"/>
              <a:gd name="connsiteX157" fmla="*/ 4366646 w 11269336"/>
              <a:gd name="connsiteY157" fmla="*/ 2198564 h 2323145"/>
              <a:gd name="connsiteX158" fmla="*/ 4354009 w 11269336"/>
              <a:gd name="connsiteY158" fmla="*/ 2204984 h 2323145"/>
              <a:gd name="connsiteX159" fmla="*/ 4348284 w 11269336"/>
              <a:gd name="connsiteY159" fmla="*/ 2205270 h 2323145"/>
              <a:gd name="connsiteX160" fmla="*/ 4333906 w 11269336"/>
              <a:gd name="connsiteY160" fmla="*/ 2205251 h 2323145"/>
              <a:gd name="connsiteX161" fmla="*/ 4308819 w 11269336"/>
              <a:gd name="connsiteY161" fmla="*/ 2203822 h 2323145"/>
              <a:gd name="connsiteX162" fmla="*/ 4301210 w 11269336"/>
              <a:gd name="connsiteY162" fmla="*/ 2204456 h 2323145"/>
              <a:gd name="connsiteX163" fmla="*/ 4283095 w 11269336"/>
              <a:gd name="connsiteY163" fmla="*/ 2198177 h 2323145"/>
              <a:gd name="connsiteX164" fmla="*/ 4250119 w 11269336"/>
              <a:gd name="connsiteY164" fmla="*/ 2196342 h 2323145"/>
              <a:gd name="connsiteX165" fmla="*/ 4189203 w 11269336"/>
              <a:gd name="connsiteY165" fmla="*/ 2178994 h 2323145"/>
              <a:gd name="connsiteX166" fmla="*/ 4154035 w 11269336"/>
              <a:gd name="connsiteY166" fmla="*/ 2171950 h 2323145"/>
              <a:gd name="connsiteX167" fmla="*/ 4129569 w 11269336"/>
              <a:gd name="connsiteY167" fmla="*/ 2163850 h 2323145"/>
              <a:gd name="connsiteX168" fmla="*/ 4061250 w 11269336"/>
              <a:gd name="connsiteY168" fmla="*/ 2159236 h 2323145"/>
              <a:gd name="connsiteX169" fmla="*/ 3945480 w 11269336"/>
              <a:gd name="connsiteY169" fmla="*/ 2158279 h 2323145"/>
              <a:gd name="connsiteX170" fmla="*/ 3921468 w 11269336"/>
              <a:gd name="connsiteY170" fmla="*/ 2156588 h 2323145"/>
              <a:gd name="connsiteX171" fmla="*/ 3903348 w 11269336"/>
              <a:gd name="connsiteY171" fmla="*/ 2149220 h 2323145"/>
              <a:gd name="connsiteX172" fmla="*/ 3901342 w 11269336"/>
              <a:gd name="connsiteY172" fmla="*/ 2142355 h 2323145"/>
              <a:gd name="connsiteX173" fmla="*/ 3888539 w 11269336"/>
              <a:gd name="connsiteY173" fmla="*/ 2140476 h 2323145"/>
              <a:gd name="connsiteX174" fmla="*/ 3885662 w 11269336"/>
              <a:gd name="connsiteY174" fmla="*/ 2138740 h 2323145"/>
              <a:gd name="connsiteX175" fmla="*/ 3868627 w 11269336"/>
              <a:gd name="connsiteY175" fmla="*/ 2130023 h 2323145"/>
              <a:gd name="connsiteX176" fmla="*/ 3819177 w 11269336"/>
              <a:gd name="connsiteY176" fmla="*/ 2142111 h 2323145"/>
              <a:gd name="connsiteX177" fmla="*/ 3769100 w 11269336"/>
              <a:gd name="connsiteY177" fmla="*/ 2131731 h 2323145"/>
              <a:gd name="connsiteX178" fmla="*/ 3562752 w 11269336"/>
              <a:gd name="connsiteY178" fmla="*/ 2131785 h 2323145"/>
              <a:gd name="connsiteX179" fmla="*/ 3541402 w 11269336"/>
              <a:gd name="connsiteY179" fmla="*/ 2106821 h 2323145"/>
              <a:gd name="connsiteX180" fmla="*/ 3365341 w 11269336"/>
              <a:gd name="connsiteY180" fmla="*/ 2077638 h 2323145"/>
              <a:gd name="connsiteX181" fmla="*/ 3170922 w 11269336"/>
              <a:gd name="connsiteY181" fmla="*/ 2115957 h 2323145"/>
              <a:gd name="connsiteX182" fmla="*/ 3156256 w 11269336"/>
              <a:gd name="connsiteY182" fmla="*/ 2124773 h 2323145"/>
              <a:gd name="connsiteX183" fmla="*/ 3140298 w 11269336"/>
              <a:gd name="connsiteY183" fmla="*/ 2129182 h 2323145"/>
              <a:gd name="connsiteX184" fmla="*/ 3138514 w 11269336"/>
              <a:gd name="connsiteY184" fmla="*/ 2128069 h 2323145"/>
              <a:gd name="connsiteX185" fmla="*/ 3120467 w 11269336"/>
              <a:gd name="connsiteY185" fmla="*/ 2128281 h 2323145"/>
              <a:gd name="connsiteX186" fmla="*/ 3116175 w 11269336"/>
              <a:gd name="connsiteY186" fmla="*/ 2131633 h 2323145"/>
              <a:gd name="connsiteX187" fmla="*/ 3103685 w 11269336"/>
              <a:gd name="connsiteY187" fmla="*/ 2132814 h 2323145"/>
              <a:gd name="connsiteX188" fmla="*/ 3078794 w 11269336"/>
              <a:gd name="connsiteY188" fmla="*/ 2137935 h 2323145"/>
              <a:gd name="connsiteX189" fmla="*/ 3074407 w 11269336"/>
              <a:gd name="connsiteY189" fmla="*/ 2136274 h 2323145"/>
              <a:gd name="connsiteX190" fmla="*/ 3037285 w 11269336"/>
              <a:gd name="connsiteY190" fmla="*/ 2139919 h 2323145"/>
              <a:gd name="connsiteX191" fmla="*/ 3036901 w 11269336"/>
              <a:gd name="connsiteY191" fmla="*/ 2138726 h 2323145"/>
              <a:gd name="connsiteX192" fmla="*/ 3026996 w 11269336"/>
              <a:gd name="connsiteY192" fmla="*/ 2134322 h 2323145"/>
              <a:gd name="connsiteX193" fmla="*/ 3007772 w 11269336"/>
              <a:gd name="connsiteY193" fmla="*/ 2128742 h 2323145"/>
              <a:gd name="connsiteX194" fmla="*/ 2965030 w 11269336"/>
              <a:gd name="connsiteY194" fmla="*/ 2100494 h 2323145"/>
              <a:gd name="connsiteX195" fmla="*/ 2926342 w 11269336"/>
              <a:gd name="connsiteY195" fmla="*/ 2104155 h 2323145"/>
              <a:gd name="connsiteX196" fmla="*/ 2918608 w 11269336"/>
              <a:gd name="connsiteY196" fmla="*/ 2104215 h 2323145"/>
              <a:gd name="connsiteX197" fmla="*/ 2918475 w 11269336"/>
              <a:gd name="connsiteY197" fmla="*/ 2103937 h 2323145"/>
              <a:gd name="connsiteX198" fmla="*/ 2910360 w 11269336"/>
              <a:gd name="connsiteY198" fmla="*/ 2103444 h 2323145"/>
              <a:gd name="connsiteX199" fmla="*/ 2904507 w 11269336"/>
              <a:gd name="connsiteY199" fmla="*/ 2104326 h 2323145"/>
              <a:gd name="connsiteX200" fmla="*/ 2889503 w 11269336"/>
              <a:gd name="connsiteY200" fmla="*/ 2104443 h 2323145"/>
              <a:gd name="connsiteX201" fmla="*/ 2884480 w 11269336"/>
              <a:gd name="connsiteY201" fmla="*/ 2102626 h 2323145"/>
              <a:gd name="connsiteX202" fmla="*/ 2882689 w 11269336"/>
              <a:gd name="connsiteY202" fmla="*/ 2099228 h 2323145"/>
              <a:gd name="connsiteX203" fmla="*/ 2881291 w 11269336"/>
              <a:gd name="connsiteY203" fmla="*/ 2099618 h 2323145"/>
              <a:gd name="connsiteX204" fmla="*/ 2853979 w 11269336"/>
              <a:gd name="connsiteY204" fmla="*/ 2090388 h 2323145"/>
              <a:gd name="connsiteX205" fmla="*/ 2791790 w 11269336"/>
              <a:gd name="connsiteY205" fmla="*/ 2080332 h 2323145"/>
              <a:gd name="connsiteX206" fmla="*/ 2755844 w 11269336"/>
              <a:gd name="connsiteY206" fmla="*/ 2078874 h 2323145"/>
              <a:gd name="connsiteX207" fmla="*/ 2657742 w 11269336"/>
              <a:gd name="connsiteY207" fmla="*/ 2070179 h 2323145"/>
              <a:gd name="connsiteX208" fmla="*/ 2559549 w 11269336"/>
              <a:gd name="connsiteY208" fmla="*/ 2057873 h 2323145"/>
              <a:gd name="connsiteX209" fmla="*/ 2512054 w 11269336"/>
              <a:gd name="connsiteY209" fmla="*/ 2031671 h 2323145"/>
              <a:gd name="connsiteX210" fmla="*/ 2506437 w 11269336"/>
              <a:gd name="connsiteY210" fmla="*/ 2030918 h 2323145"/>
              <a:gd name="connsiteX211" fmla="*/ 2491752 w 11269336"/>
              <a:gd name="connsiteY211" fmla="*/ 2033906 h 2323145"/>
              <a:gd name="connsiteX212" fmla="*/ 2486338 w 11269336"/>
              <a:gd name="connsiteY212" fmla="*/ 2035862 h 2323145"/>
              <a:gd name="connsiteX213" fmla="*/ 2478186 w 11269336"/>
              <a:gd name="connsiteY213" fmla="*/ 2036953 h 2323145"/>
              <a:gd name="connsiteX214" fmla="*/ 2477950 w 11269336"/>
              <a:gd name="connsiteY214" fmla="*/ 2036715 h 2323145"/>
              <a:gd name="connsiteX215" fmla="*/ 2470381 w 11269336"/>
              <a:gd name="connsiteY215" fmla="*/ 2038256 h 2323145"/>
              <a:gd name="connsiteX216" fmla="*/ 2433781 w 11269336"/>
              <a:gd name="connsiteY216" fmla="*/ 2049140 h 2323145"/>
              <a:gd name="connsiteX217" fmla="*/ 2381172 w 11269336"/>
              <a:gd name="connsiteY217" fmla="*/ 2030645 h 2323145"/>
              <a:gd name="connsiteX218" fmla="*/ 2360198 w 11269336"/>
              <a:gd name="connsiteY218" fmla="*/ 2029059 h 2323145"/>
              <a:gd name="connsiteX219" fmla="*/ 2348815 w 11269336"/>
              <a:gd name="connsiteY219" fmla="*/ 2026798 h 2323145"/>
              <a:gd name="connsiteX220" fmla="*/ 2347988 w 11269336"/>
              <a:gd name="connsiteY220" fmla="*/ 2025745 h 2323145"/>
              <a:gd name="connsiteX221" fmla="*/ 2312920 w 11269336"/>
              <a:gd name="connsiteY221" fmla="*/ 2036311 h 2323145"/>
              <a:gd name="connsiteX222" fmla="*/ 2307986 w 11269336"/>
              <a:gd name="connsiteY222" fmla="*/ 2035583 h 2323145"/>
              <a:gd name="connsiteX223" fmla="*/ 2285481 w 11269336"/>
              <a:gd name="connsiteY223" fmla="*/ 2045197 h 2323145"/>
              <a:gd name="connsiteX224" fmla="*/ 2273666 w 11269336"/>
              <a:gd name="connsiteY224" fmla="*/ 2048710 h 2323145"/>
              <a:gd name="connsiteX225" fmla="*/ 2270719 w 11269336"/>
              <a:gd name="connsiteY225" fmla="*/ 2052702 h 2323145"/>
              <a:gd name="connsiteX226" fmla="*/ 2253080 w 11269336"/>
              <a:gd name="connsiteY226" fmla="*/ 2056363 h 2323145"/>
              <a:gd name="connsiteX227" fmla="*/ 2250906 w 11269336"/>
              <a:gd name="connsiteY227" fmla="*/ 2055654 h 2323145"/>
              <a:gd name="connsiteX228" fmla="*/ 2236905 w 11269336"/>
              <a:gd name="connsiteY228" fmla="*/ 2062882 h 2323145"/>
              <a:gd name="connsiteX229" fmla="*/ 2225830 w 11269336"/>
              <a:gd name="connsiteY229" fmla="*/ 2074027 h 2323145"/>
              <a:gd name="connsiteX230" fmla="*/ 2073776 w 11269336"/>
              <a:gd name="connsiteY230" fmla="*/ 2089244 h 2323145"/>
              <a:gd name="connsiteX231" fmla="*/ 1948256 w 11269336"/>
              <a:gd name="connsiteY231" fmla="*/ 2146616 h 2323145"/>
              <a:gd name="connsiteX232" fmla="*/ 1865582 w 11269336"/>
              <a:gd name="connsiteY232" fmla="*/ 2153738 h 2323145"/>
              <a:gd name="connsiteX233" fmla="*/ 1835210 w 11269336"/>
              <a:gd name="connsiteY233" fmla="*/ 2134244 h 2323145"/>
              <a:gd name="connsiteX234" fmla="*/ 1632661 w 11269336"/>
              <a:gd name="connsiteY234" fmla="*/ 2173882 h 2323145"/>
              <a:gd name="connsiteX235" fmla="*/ 1579590 w 11269336"/>
              <a:gd name="connsiteY235" fmla="*/ 2173680 h 2323145"/>
              <a:gd name="connsiteX236" fmla="*/ 1535601 w 11269336"/>
              <a:gd name="connsiteY236" fmla="*/ 2194590 h 2323145"/>
              <a:gd name="connsiteX237" fmla="*/ 1515594 w 11269336"/>
              <a:gd name="connsiteY237" fmla="*/ 2189622 h 2323145"/>
              <a:gd name="connsiteX238" fmla="*/ 1512113 w 11269336"/>
              <a:gd name="connsiteY238" fmla="*/ 2188534 h 2323145"/>
              <a:gd name="connsiteX239" fmla="*/ 1498838 w 11269336"/>
              <a:gd name="connsiteY239" fmla="*/ 2189213 h 2323145"/>
              <a:gd name="connsiteX240" fmla="*/ 1494279 w 11269336"/>
              <a:gd name="connsiteY240" fmla="*/ 2183112 h 2323145"/>
              <a:gd name="connsiteX241" fmla="*/ 1473714 w 11269336"/>
              <a:gd name="connsiteY241" fmla="*/ 2179625 h 2323145"/>
              <a:gd name="connsiteX242" fmla="*/ 1449503 w 11269336"/>
              <a:gd name="connsiteY242" fmla="*/ 2182633 h 2323145"/>
              <a:gd name="connsiteX243" fmla="*/ 1266687 w 11269336"/>
              <a:gd name="connsiteY243" fmla="*/ 2212688 h 2323145"/>
              <a:gd name="connsiteX244" fmla="*/ 1239614 w 11269336"/>
              <a:gd name="connsiteY244" fmla="*/ 2209727 h 2323145"/>
              <a:gd name="connsiteX245" fmla="*/ 1202436 w 11269336"/>
              <a:gd name="connsiteY245" fmla="*/ 2209817 h 2323145"/>
              <a:gd name="connsiteX246" fmla="*/ 1136097 w 11269336"/>
              <a:gd name="connsiteY246" fmla="*/ 2205112 h 2323145"/>
              <a:gd name="connsiteX247" fmla="*/ 988232 w 11269336"/>
              <a:gd name="connsiteY247" fmla="*/ 2235635 h 2323145"/>
              <a:gd name="connsiteX248" fmla="*/ 981959 w 11269336"/>
              <a:gd name="connsiteY248" fmla="*/ 2231607 h 2323145"/>
              <a:gd name="connsiteX249" fmla="*/ 938600 w 11269336"/>
              <a:gd name="connsiteY249" fmla="*/ 2238113 h 2323145"/>
              <a:gd name="connsiteX250" fmla="*/ 791788 w 11269336"/>
              <a:gd name="connsiteY250" fmla="*/ 2293224 h 2323145"/>
              <a:gd name="connsiteX251" fmla="*/ 706914 w 11269336"/>
              <a:gd name="connsiteY251" fmla="*/ 2305046 h 2323145"/>
              <a:gd name="connsiteX252" fmla="*/ 675971 w 11269336"/>
              <a:gd name="connsiteY252" fmla="*/ 2304030 h 2323145"/>
              <a:gd name="connsiteX253" fmla="*/ 624180 w 11269336"/>
              <a:gd name="connsiteY253" fmla="*/ 2302650 h 2323145"/>
              <a:gd name="connsiteX254" fmla="*/ 583453 w 11269336"/>
              <a:gd name="connsiteY254" fmla="*/ 2288788 h 2323145"/>
              <a:gd name="connsiteX255" fmla="*/ 540946 w 11269336"/>
              <a:gd name="connsiteY255" fmla="*/ 2292721 h 2323145"/>
              <a:gd name="connsiteX256" fmla="*/ 533680 w 11269336"/>
              <a:gd name="connsiteY256" fmla="*/ 2310233 h 2323145"/>
              <a:gd name="connsiteX257" fmla="*/ 487366 w 11269336"/>
              <a:gd name="connsiteY257" fmla="*/ 2309053 h 2323145"/>
              <a:gd name="connsiteX258" fmla="*/ 416820 w 11269336"/>
              <a:gd name="connsiteY258" fmla="*/ 2305443 h 2323145"/>
              <a:gd name="connsiteX259" fmla="*/ 376805 w 11269336"/>
              <a:gd name="connsiteY259" fmla="*/ 2307647 h 2323145"/>
              <a:gd name="connsiteX260" fmla="*/ 266777 w 11269336"/>
              <a:gd name="connsiteY260" fmla="*/ 2309012 h 2323145"/>
              <a:gd name="connsiteX261" fmla="*/ 156013 w 11269336"/>
              <a:gd name="connsiteY261" fmla="*/ 2306832 h 2323145"/>
              <a:gd name="connsiteX262" fmla="*/ 87258 w 11269336"/>
              <a:gd name="connsiteY262" fmla="*/ 2285511 h 2323145"/>
              <a:gd name="connsiteX263" fmla="*/ 23798 w 11269336"/>
              <a:gd name="connsiteY263" fmla="*/ 2281822 h 2323145"/>
              <a:gd name="connsiteX264" fmla="*/ 0 w 11269336"/>
              <a:gd name="connsiteY264" fmla="*/ 2285369 h 2323145"/>
              <a:gd name="connsiteX265" fmla="*/ 0 w 11269336"/>
              <a:gd name="connsiteY26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9070855 w 11269336"/>
              <a:gd name="connsiteY23" fmla="*/ 794621 h 2323145"/>
              <a:gd name="connsiteX24" fmla="*/ 8914746 w 11269336"/>
              <a:gd name="connsiteY24" fmla="*/ 826428 h 2323145"/>
              <a:gd name="connsiteX25" fmla="*/ 8917778 w 11269336"/>
              <a:gd name="connsiteY25" fmla="*/ 835198 h 2323145"/>
              <a:gd name="connsiteX26" fmla="*/ 8905560 w 11269336"/>
              <a:gd name="connsiteY26" fmla="*/ 838358 h 2323145"/>
              <a:gd name="connsiteX27" fmla="*/ 8897564 w 11269336"/>
              <a:gd name="connsiteY27" fmla="*/ 834287 h 2323145"/>
              <a:gd name="connsiteX28" fmla="*/ 8878040 w 11269336"/>
              <a:gd name="connsiteY28" fmla="*/ 844150 h 2323145"/>
              <a:gd name="connsiteX29" fmla="*/ 8795998 w 11269336"/>
              <a:gd name="connsiteY29" fmla="*/ 863337 h 2323145"/>
              <a:gd name="connsiteX30" fmla="*/ 8776970 w 11269336"/>
              <a:gd name="connsiteY30" fmla="*/ 885177 h 2323145"/>
              <a:gd name="connsiteX31" fmla="*/ 8755719 w 11269336"/>
              <a:gd name="connsiteY31" fmla="*/ 889754 h 2323145"/>
              <a:gd name="connsiteX32" fmla="*/ 8743257 w 11269336"/>
              <a:gd name="connsiteY32" fmla="*/ 904723 h 2323145"/>
              <a:gd name="connsiteX33" fmla="*/ 8721366 w 11269336"/>
              <a:gd name="connsiteY33" fmla="*/ 904711 h 2323145"/>
              <a:gd name="connsiteX34" fmla="*/ 8678353 w 11269336"/>
              <a:gd name="connsiteY34" fmla="*/ 926318 h 2323145"/>
              <a:gd name="connsiteX35" fmla="*/ 8636849 w 11269336"/>
              <a:gd name="connsiteY35" fmla="*/ 937900 h 2323145"/>
              <a:gd name="connsiteX36" fmla="*/ 8620213 w 11269336"/>
              <a:gd name="connsiteY36" fmla="*/ 943068 h 2323145"/>
              <a:gd name="connsiteX37" fmla="*/ 8612581 w 11269336"/>
              <a:gd name="connsiteY37" fmla="*/ 952695 h 2323145"/>
              <a:gd name="connsiteX38" fmla="*/ 8589038 w 11269336"/>
              <a:gd name="connsiteY38" fmla="*/ 963892 h 2323145"/>
              <a:gd name="connsiteX39" fmla="*/ 8579950 w 11269336"/>
              <a:gd name="connsiteY39" fmla="*/ 960899 h 2323145"/>
              <a:gd name="connsiteX40" fmla="*/ 8579319 w 11269336"/>
              <a:gd name="connsiteY40" fmla="*/ 965630 h 2323145"/>
              <a:gd name="connsiteX41" fmla="*/ 8547429 w 11269336"/>
              <a:gd name="connsiteY41" fmla="*/ 984506 h 2323145"/>
              <a:gd name="connsiteX42" fmla="*/ 8478704 w 11269336"/>
              <a:gd name="connsiteY42" fmla="*/ 1025490 h 2323145"/>
              <a:gd name="connsiteX43" fmla="*/ 8461421 w 11269336"/>
              <a:gd name="connsiteY43" fmla="*/ 1035512 h 2323145"/>
              <a:gd name="connsiteX44" fmla="*/ 8445003 w 11269336"/>
              <a:gd name="connsiteY44" fmla="*/ 1036851 h 2323145"/>
              <a:gd name="connsiteX45" fmla="*/ 8357350 w 11269336"/>
              <a:gd name="connsiteY45" fmla="*/ 1060213 h 2323145"/>
              <a:gd name="connsiteX46" fmla="*/ 8335565 w 11269336"/>
              <a:gd name="connsiteY46" fmla="*/ 1061151 h 2323145"/>
              <a:gd name="connsiteX47" fmla="*/ 8325267 w 11269336"/>
              <a:gd name="connsiteY47" fmla="*/ 1055919 h 2323145"/>
              <a:gd name="connsiteX48" fmla="*/ 8293586 w 11269336"/>
              <a:gd name="connsiteY48" fmla="*/ 1076144 h 2323145"/>
              <a:gd name="connsiteX49" fmla="*/ 8242405 w 11269336"/>
              <a:gd name="connsiteY49" fmla="*/ 1095960 h 2323145"/>
              <a:gd name="connsiteX50" fmla="*/ 8197391 w 11269336"/>
              <a:gd name="connsiteY50" fmla="*/ 1107746 h 2323145"/>
              <a:gd name="connsiteX51" fmla="*/ 8081474 w 11269336"/>
              <a:gd name="connsiteY51" fmla="*/ 1130125 h 2323145"/>
              <a:gd name="connsiteX52" fmla="*/ 8053585 w 11269336"/>
              <a:gd name="connsiteY52" fmla="*/ 1129169 h 2323145"/>
              <a:gd name="connsiteX53" fmla="*/ 8038422 w 11269336"/>
              <a:gd name="connsiteY53" fmla="*/ 1119092 h 2323145"/>
              <a:gd name="connsiteX54" fmla="*/ 8029450 w 11269336"/>
              <a:gd name="connsiteY54" fmla="*/ 1125592 h 2323145"/>
              <a:gd name="connsiteX55" fmla="*/ 7959552 w 11269336"/>
              <a:gd name="connsiteY55" fmla="*/ 1140188 h 2323145"/>
              <a:gd name="connsiteX56" fmla="*/ 7914188 w 11269336"/>
              <a:gd name="connsiteY56" fmla="*/ 1150862 h 2323145"/>
              <a:gd name="connsiteX57" fmla="*/ 7914918 w 11269336"/>
              <a:gd name="connsiteY57" fmla="*/ 1168758 h 2323145"/>
              <a:gd name="connsiteX58" fmla="*/ 7875510 w 11269336"/>
              <a:gd name="connsiteY58" fmla="*/ 1183153 h 2323145"/>
              <a:gd name="connsiteX59" fmla="*/ 7829932 w 11269336"/>
              <a:gd name="connsiteY59" fmla="*/ 1180782 h 2323145"/>
              <a:gd name="connsiteX60" fmla="*/ 7779182 w 11269336"/>
              <a:gd name="connsiteY60" fmla="*/ 1192665 h 2323145"/>
              <a:gd name="connsiteX61" fmla="*/ 7748774 w 11269336"/>
              <a:gd name="connsiteY61" fmla="*/ 1199586 h 2323145"/>
              <a:gd name="connsiteX62" fmla="*/ 7671846 w 11269336"/>
              <a:gd name="connsiteY62" fmla="*/ 1231966 h 2323145"/>
              <a:gd name="connsiteX63" fmla="*/ 7554146 w 11269336"/>
              <a:gd name="connsiteY63" fmla="*/ 1319748 h 2323145"/>
              <a:gd name="connsiteX64" fmla="*/ 7515052 w 11269336"/>
              <a:gd name="connsiteY64" fmla="*/ 1336718 h 2323145"/>
              <a:gd name="connsiteX65" fmla="*/ 7507193 w 11269336"/>
              <a:gd name="connsiteY65" fmla="*/ 1334617 h 2323145"/>
              <a:gd name="connsiteX66" fmla="*/ 7461694 w 11269336"/>
              <a:gd name="connsiteY66" fmla="*/ 1375866 h 2323145"/>
              <a:gd name="connsiteX67" fmla="*/ 7377571 w 11269336"/>
              <a:gd name="connsiteY67" fmla="*/ 1400128 h 2323145"/>
              <a:gd name="connsiteX68" fmla="*/ 7311261 w 11269336"/>
              <a:gd name="connsiteY68" fmla="*/ 1412652 h 2323145"/>
              <a:gd name="connsiteX69" fmla="*/ 7275307 w 11269336"/>
              <a:gd name="connsiteY69" fmla="*/ 1422171 h 2323145"/>
              <a:gd name="connsiteX70" fmla="*/ 7247783 w 11269336"/>
              <a:gd name="connsiteY70" fmla="*/ 1426330 h 2323145"/>
              <a:gd name="connsiteX71" fmla="*/ 7185047 w 11269336"/>
              <a:gd name="connsiteY71" fmla="*/ 1451812 h 2323145"/>
              <a:gd name="connsiteX72" fmla="*/ 7084117 w 11269336"/>
              <a:gd name="connsiteY72" fmla="*/ 1500281 h 2323145"/>
              <a:gd name="connsiteX73" fmla="*/ 7062011 w 11269336"/>
              <a:gd name="connsiteY73" fmla="*/ 1509183 h 2323145"/>
              <a:gd name="connsiteX74" fmla="*/ 7040555 w 11269336"/>
              <a:gd name="connsiteY74" fmla="*/ 1511207 h 2323145"/>
              <a:gd name="connsiteX75" fmla="*/ 7033438 w 11269336"/>
              <a:gd name="connsiteY75" fmla="*/ 1506772 h 2323145"/>
              <a:gd name="connsiteX76" fmla="*/ 7020886 w 11269336"/>
              <a:gd name="connsiteY76" fmla="*/ 1510764 h 2323145"/>
              <a:gd name="connsiteX77" fmla="*/ 7017033 w 11269336"/>
              <a:gd name="connsiteY77" fmla="*/ 1510650 h 2323145"/>
              <a:gd name="connsiteX78" fmla="*/ 6995460 w 11269336"/>
              <a:gd name="connsiteY78" fmla="*/ 1511173 h 2323145"/>
              <a:gd name="connsiteX79" fmla="*/ 6962144 w 11269336"/>
              <a:gd name="connsiteY79" fmla="*/ 1541508 h 2323145"/>
              <a:gd name="connsiteX80" fmla="*/ 6910674 w 11269336"/>
              <a:gd name="connsiteY80" fmla="*/ 1554793 h 2323145"/>
              <a:gd name="connsiteX81" fmla="*/ 6732152 w 11269336"/>
              <a:gd name="connsiteY81" fmla="*/ 1642538 h 2323145"/>
              <a:gd name="connsiteX82" fmla="*/ 6694106 w 11269336"/>
              <a:gd name="connsiteY82" fmla="*/ 1632377 h 2323145"/>
              <a:gd name="connsiteX83" fmla="*/ 6617223 w 11269336"/>
              <a:gd name="connsiteY83" fmla="*/ 1659889 h 2323145"/>
              <a:gd name="connsiteX84" fmla="*/ 6521138 w 11269336"/>
              <a:gd name="connsiteY84" fmla="*/ 1744340 h 2323145"/>
              <a:gd name="connsiteX85" fmla="*/ 6380677 w 11269336"/>
              <a:gd name="connsiteY85" fmla="*/ 1796883 h 2323145"/>
              <a:gd name="connsiteX86" fmla="*/ 6374897 w 11269336"/>
              <a:gd name="connsiteY86" fmla="*/ 1809910 h 2323145"/>
              <a:gd name="connsiteX87" fmla="*/ 6364545 w 11269336"/>
              <a:gd name="connsiteY87" fmla="*/ 1820090 h 2323145"/>
              <a:gd name="connsiteX88" fmla="*/ 6362126 w 11269336"/>
              <a:gd name="connsiteY88" fmla="*/ 1819991 h 2323145"/>
              <a:gd name="connsiteX89" fmla="*/ 6346673 w 11269336"/>
              <a:gd name="connsiteY89" fmla="*/ 1827824 h 2323145"/>
              <a:gd name="connsiteX90" fmla="*/ 6345588 w 11269336"/>
              <a:gd name="connsiteY90" fmla="*/ 1832232 h 2323145"/>
              <a:gd name="connsiteX91" fmla="*/ 6335708 w 11269336"/>
              <a:gd name="connsiteY91" fmla="*/ 1838451 h 2323145"/>
              <a:gd name="connsiteX92" fmla="*/ 6318182 w 11269336"/>
              <a:gd name="connsiteY92" fmla="*/ 1852975 h 2323145"/>
              <a:gd name="connsiteX93" fmla="*/ 6313084 w 11269336"/>
              <a:gd name="connsiteY93" fmla="*/ 1853561 h 2323145"/>
              <a:gd name="connsiteX94" fmla="*/ 6283816 w 11269336"/>
              <a:gd name="connsiteY94" fmla="*/ 1872148 h 2323145"/>
              <a:gd name="connsiteX95" fmla="*/ 6282550 w 11269336"/>
              <a:gd name="connsiteY95" fmla="*/ 1871392 h 2323145"/>
              <a:gd name="connsiteX96" fmla="*/ 6270527 w 11269336"/>
              <a:gd name="connsiteY96" fmla="*/ 1872208 h 2323145"/>
              <a:gd name="connsiteX97" fmla="*/ 6249518 w 11269336"/>
              <a:gd name="connsiteY97" fmla="*/ 1876079 h 2323145"/>
              <a:gd name="connsiteX98" fmla="*/ 6190386 w 11269336"/>
              <a:gd name="connsiteY98" fmla="*/ 1872478 h 2323145"/>
              <a:gd name="connsiteX99" fmla="*/ 6159777 w 11269336"/>
              <a:gd name="connsiteY99" fmla="*/ 1891745 h 2323145"/>
              <a:gd name="connsiteX100" fmla="*/ 6153131 w 11269336"/>
              <a:gd name="connsiteY100" fmla="*/ 1895079 h 2323145"/>
              <a:gd name="connsiteX101" fmla="*/ 6152798 w 11269336"/>
              <a:gd name="connsiteY101" fmla="*/ 1894920 h 2323145"/>
              <a:gd name="connsiteX102" fmla="*/ 6145388 w 11269336"/>
              <a:gd name="connsiteY102" fmla="*/ 1897990 h 2323145"/>
              <a:gd name="connsiteX103" fmla="*/ 6141014 w 11269336"/>
              <a:gd name="connsiteY103" fmla="*/ 1901155 h 2323145"/>
              <a:gd name="connsiteX104" fmla="*/ 6128122 w 11269336"/>
              <a:gd name="connsiteY104" fmla="*/ 1907623 h 2323145"/>
              <a:gd name="connsiteX105" fmla="*/ 6122351 w 11269336"/>
              <a:gd name="connsiteY105" fmla="*/ 1908359 h 2323145"/>
              <a:gd name="connsiteX106" fmla="*/ 6064750 w 11269336"/>
              <a:gd name="connsiteY106" fmla="*/ 1896394 h 2323145"/>
              <a:gd name="connsiteX107" fmla="*/ 5964230 w 11269336"/>
              <a:gd name="connsiteY107" fmla="*/ 1910038 h 2323145"/>
              <a:gd name="connsiteX108" fmla="*/ 5865399 w 11269336"/>
              <a:gd name="connsiteY108" fmla="*/ 1926966 h 2323145"/>
              <a:gd name="connsiteX109" fmla="*/ 5829951 w 11269336"/>
              <a:gd name="connsiteY109" fmla="*/ 1934755 h 2323145"/>
              <a:gd name="connsiteX110" fmla="*/ 5765285 w 11269336"/>
              <a:gd name="connsiteY110" fmla="*/ 1941322 h 2323145"/>
              <a:gd name="connsiteX111" fmla="*/ 5734750 w 11269336"/>
              <a:gd name="connsiteY111" fmla="*/ 1939793 h 2323145"/>
              <a:gd name="connsiteX112" fmla="*/ 5733569 w 11269336"/>
              <a:gd name="connsiteY112" fmla="*/ 1940505 h 2323145"/>
              <a:gd name="connsiteX113" fmla="*/ 5730329 w 11269336"/>
              <a:gd name="connsiteY113" fmla="*/ 1937845 h 2323145"/>
              <a:gd name="connsiteX114" fmla="*/ 5724661 w 11269336"/>
              <a:gd name="connsiteY114" fmla="*/ 1937455 h 2323145"/>
              <a:gd name="connsiteX115" fmla="*/ 5710186 w 11269336"/>
              <a:gd name="connsiteY115" fmla="*/ 1941370 h 2323145"/>
              <a:gd name="connsiteX116" fmla="*/ 5704910 w 11269336"/>
              <a:gd name="connsiteY116" fmla="*/ 1943663 h 2323145"/>
              <a:gd name="connsiteX117" fmla="*/ 5696836 w 11269336"/>
              <a:gd name="connsiteY117" fmla="*/ 1945271 h 2323145"/>
              <a:gd name="connsiteX118" fmla="*/ 5696583 w 11269336"/>
              <a:gd name="connsiteY118" fmla="*/ 1945050 h 2323145"/>
              <a:gd name="connsiteX119" fmla="*/ 5689123 w 11269336"/>
              <a:gd name="connsiteY119" fmla="*/ 1947067 h 2323145"/>
              <a:gd name="connsiteX120" fmla="*/ 5653291 w 11269336"/>
              <a:gd name="connsiteY120" fmla="*/ 1960245 h 2323145"/>
              <a:gd name="connsiteX121" fmla="*/ 5599385 w 11269336"/>
              <a:gd name="connsiteY121" fmla="*/ 1945198 h 2323145"/>
              <a:gd name="connsiteX122" fmla="*/ 5578300 w 11269336"/>
              <a:gd name="connsiteY122" fmla="*/ 1944963 h 2323145"/>
              <a:gd name="connsiteX123" fmla="*/ 5566758 w 11269336"/>
              <a:gd name="connsiteY123" fmla="*/ 1943441 h 2323145"/>
              <a:gd name="connsiteX124" fmla="*/ 5565857 w 11269336"/>
              <a:gd name="connsiteY124" fmla="*/ 1942445 h 2323145"/>
              <a:gd name="connsiteX125" fmla="*/ 5531534 w 11269336"/>
              <a:gd name="connsiteY125" fmla="*/ 1955208 h 2323145"/>
              <a:gd name="connsiteX126" fmla="*/ 5526552 w 11269336"/>
              <a:gd name="connsiteY126" fmla="*/ 1954799 h 2323145"/>
              <a:gd name="connsiteX127" fmla="*/ 5504723 w 11269336"/>
              <a:gd name="connsiteY127" fmla="*/ 1965811 h 2323145"/>
              <a:gd name="connsiteX128" fmla="*/ 5493156 w 11269336"/>
              <a:gd name="connsiteY128" fmla="*/ 1970063 h 2323145"/>
              <a:gd name="connsiteX129" fmla="*/ 5490486 w 11269336"/>
              <a:gd name="connsiteY129" fmla="*/ 1974227 h 2323145"/>
              <a:gd name="connsiteX130" fmla="*/ 5473107 w 11269336"/>
              <a:gd name="connsiteY130" fmla="*/ 1979001 h 2323145"/>
              <a:gd name="connsiteX131" fmla="*/ 5470885 w 11269336"/>
              <a:gd name="connsiteY131" fmla="*/ 1978432 h 2323145"/>
              <a:gd name="connsiteX132" fmla="*/ 5457393 w 11269336"/>
              <a:gd name="connsiteY132" fmla="*/ 1986525 h 2323145"/>
              <a:gd name="connsiteX133" fmla="*/ 5447102 w 11269336"/>
              <a:gd name="connsiteY133" fmla="*/ 1998329 h 2323145"/>
              <a:gd name="connsiteX134" fmla="*/ 5159151 w 11269336"/>
              <a:gd name="connsiteY134" fmla="*/ 2029640 h 2323145"/>
              <a:gd name="connsiteX135" fmla="*/ 5041688 w 11269336"/>
              <a:gd name="connsiteY135" fmla="*/ 2022334 h 2323145"/>
              <a:gd name="connsiteX136" fmla="*/ 4860988 w 11269336"/>
              <a:gd name="connsiteY136" fmla="*/ 2135698 h 2323145"/>
              <a:gd name="connsiteX137" fmla="*/ 4807902 w 11269336"/>
              <a:gd name="connsiteY137" fmla="*/ 2138894 h 2323145"/>
              <a:gd name="connsiteX138" fmla="*/ 4765388 w 11269336"/>
              <a:gd name="connsiteY138" fmla="*/ 2162525 h 2323145"/>
              <a:gd name="connsiteX139" fmla="*/ 4745033 w 11269336"/>
              <a:gd name="connsiteY139" fmla="*/ 2158859 h 2323145"/>
              <a:gd name="connsiteX140" fmla="*/ 4741475 w 11269336"/>
              <a:gd name="connsiteY140" fmla="*/ 2157998 h 2323145"/>
              <a:gd name="connsiteX141" fmla="*/ 4728247 w 11269336"/>
              <a:gd name="connsiteY141" fmla="*/ 2159526 h 2323145"/>
              <a:gd name="connsiteX142" fmla="*/ 4723263 w 11269336"/>
              <a:gd name="connsiteY142" fmla="*/ 2153742 h 2323145"/>
              <a:gd name="connsiteX143" fmla="*/ 4702453 w 11269336"/>
              <a:gd name="connsiteY143" fmla="*/ 2151586 h 2323145"/>
              <a:gd name="connsiteX144" fmla="*/ 4678455 w 11269336"/>
              <a:gd name="connsiteY144" fmla="*/ 2156131 h 2323145"/>
              <a:gd name="connsiteX145" fmla="*/ 4593061 w 11269336"/>
              <a:gd name="connsiteY145" fmla="*/ 2171597 h 2323145"/>
              <a:gd name="connsiteX146" fmla="*/ 4579902 w 11269336"/>
              <a:gd name="connsiteY146" fmla="*/ 2177927 h 2323145"/>
              <a:gd name="connsiteX147" fmla="*/ 4533444 w 11269336"/>
              <a:gd name="connsiteY147" fmla="*/ 2181200 h 2323145"/>
              <a:gd name="connsiteX148" fmla="*/ 4492832 w 11269336"/>
              <a:gd name="connsiteY148" fmla="*/ 2188033 h 2323145"/>
              <a:gd name="connsiteX149" fmla="*/ 4467257 w 11269336"/>
              <a:gd name="connsiteY149" fmla="*/ 2196121 h 2323145"/>
              <a:gd name="connsiteX150" fmla="*/ 4459937 w 11269336"/>
              <a:gd name="connsiteY150" fmla="*/ 2195182 h 2323145"/>
              <a:gd name="connsiteX151" fmla="*/ 4433312 w 11269336"/>
              <a:gd name="connsiteY151" fmla="*/ 2199004 h 2323145"/>
              <a:gd name="connsiteX152" fmla="*/ 4420601 w 11269336"/>
              <a:gd name="connsiteY152" fmla="*/ 2205158 h 2323145"/>
              <a:gd name="connsiteX153" fmla="*/ 4405765 w 11269336"/>
              <a:gd name="connsiteY153" fmla="*/ 2199902 h 2323145"/>
              <a:gd name="connsiteX154" fmla="*/ 4401354 w 11269336"/>
              <a:gd name="connsiteY154" fmla="*/ 2194745 h 2323145"/>
              <a:gd name="connsiteX155" fmla="*/ 4383151 w 11269336"/>
              <a:gd name="connsiteY155" fmla="*/ 2201140 h 2323145"/>
              <a:gd name="connsiteX156" fmla="*/ 4366646 w 11269336"/>
              <a:gd name="connsiteY156" fmla="*/ 2198564 h 2323145"/>
              <a:gd name="connsiteX157" fmla="*/ 4354009 w 11269336"/>
              <a:gd name="connsiteY157" fmla="*/ 2204984 h 2323145"/>
              <a:gd name="connsiteX158" fmla="*/ 4348284 w 11269336"/>
              <a:gd name="connsiteY158" fmla="*/ 2205270 h 2323145"/>
              <a:gd name="connsiteX159" fmla="*/ 4333906 w 11269336"/>
              <a:gd name="connsiteY159" fmla="*/ 2205251 h 2323145"/>
              <a:gd name="connsiteX160" fmla="*/ 4308819 w 11269336"/>
              <a:gd name="connsiteY160" fmla="*/ 2203822 h 2323145"/>
              <a:gd name="connsiteX161" fmla="*/ 4301210 w 11269336"/>
              <a:gd name="connsiteY161" fmla="*/ 2204456 h 2323145"/>
              <a:gd name="connsiteX162" fmla="*/ 4283095 w 11269336"/>
              <a:gd name="connsiteY162" fmla="*/ 2198177 h 2323145"/>
              <a:gd name="connsiteX163" fmla="*/ 4250119 w 11269336"/>
              <a:gd name="connsiteY163" fmla="*/ 2196342 h 2323145"/>
              <a:gd name="connsiteX164" fmla="*/ 4189203 w 11269336"/>
              <a:gd name="connsiteY164" fmla="*/ 2178994 h 2323145"/>
              <a:gd name="connsiteX165" fmla="*/ 4154035 w 11269336"/>
              <a:gd name="connsiteY165" fmla="*/ 2171950 h 2323145"/>
              <a:gd name="connsiteX166" fmla="*/ 4129569 w 11269336"/>
              <a:gd name="connsiteY166" fmla="*/ 2163850 h 2323145"/>
              <a:gd name="connsiteX167" fmla="*/ 4061250 w 11269336"/>
              <a:gd name="connsiteY167" fmla="*/ 2159236 h 2323145"/>
              <a:gd name="connsiteX168" fmla="*/ 3945480 w 11269336"/>
              <a:gd name="connsiteY168" fmla="*/ 2158279 h 2323145"/>
              <a:gd name="connsiteX169" fmla="*/ 3921468 w 11269336"/>
              <a:gd name="connsiteY169" fmla="*/ 2156588 h 2323145"/>
              <a:gd name="connsiteX170" fmla="*/ 3903348 w 11269336"/>
              <a:gd name="connsiteY170" fmla="*/ 2149220 h 2323145"/>
              <a:gd name="connsiteX171" fmla="*/ 3901342 w 11269336"/>
              <a:gd name="connsiteY171" fmla="*/ 2142355 h 2323145"/>
              <a:gd name="connsiteX172" fmla="*/ 3888539 w 11269336"/>
              <a:gd name="connsiteY172" fmla="*/ 2140476 h 2323145"/>
              <a:gd name="connsiteX173" fmla="*/ 3885662 w 11269336"/>
              <a:gd name="connsiteY173" fmla="*/ 2138740 h 2323145"/>
              <a:gd name="connsiteX174" fmla="*/ 3868627 w 11269336"/>
              <a:gd name="connsiteY174" fmla="*/ 2130023 h 2323145"/>
              <a:gd name="connsiteX175" fmla="*/ 3819177 w 11269336"/>
              <a:gd name="connsiteY175" fmla="*/ 2142111 h 2323145"/>
              <a:gd name="connsiteX176" fmla="*/ 3769100 w 11269336"/>
              <a:gd name="connsiteY176" fmla="*/ 2131731 h 2323145"/>
              <a:gd name="connsiteX177" fmla="*/ 3562752 w 11269336"/>
              <a:gd name="connsiteY177" fmla="*/ 2131785 h 2323145"/>
              <a:gd name="connsiteX178" fmla="*/ 3541402 w 11269336"/>
              <a:gd name="connsiteY178" fmla="*/ 2106821 h 2323145"/>
              <a:gd name="connsiteX179" fmla="*/ 3365341 w 11269336"/>
              <a:gd name="connsiteY179" fmla="*/ 2077638 h 2323145"/>
              <a:gd name="connsiteX180" fmla="*/ 3170922 w 11269336"/>
              <a:gd name="connsiteY180" fmla="*/ 2115957 h 2323145"/>
              <a:gd name="connsiteX181" fmla="*/ 3156256 w 11269336"/>
              <a:gd name="connsiteY181" fmla="*/ 2124773 h 2323145"/>
              <a:gd name="connsiteX182" fmla="*/ 3140298 w 11269336"/>
              <a:gd name="connsiteY182" fmla="*/ 2129182 h 2323145"/>
              <a:gd name="connsiteX183" fmla="*/ 3138514 w 11269336"/>
              <a:gd name="connsiteY183" fmla="*/ 2128069 h 2323145"/>
              <a:gd name="connsiteX184" fmla="*/ 3120467 w 11269336"/>
              <a:gd name="connsiteY184" fmla="*/ 2128281 h 2323145"/>
              <a:gd name="connsiteX185" fmla="*/ 3116175 w 11269336"/>
              <a:gd name="connsiteY185" fmla="*/ 2131633 h 2323145"/>
              <a:gd name="connsiteX186" fmla="*/ 3103685 w 11269336"/>
              <a:gd name="connsiteY186" fmla="*/ 2132814 h 2323145"/>
              <a:gd name="connsiteX187" fmla="*/ 3078794 w 11269336"/>
              <a:gd name="connsiteY187" fmla="*/ 2137935 h 2323145"/>
              <a:gd name="connsiteX188" fmla="*/ 3074407 w 11269336"/>
              <a:gd name="connsiteY188" fmla="*/ 2136274 h 2323145"/>
              <a:gd name="connsiteX189" fmla="*/ 3037285 w 11269336"/>
              <a:gd name="connsiteY189" fmla="*/ 2139919 h 2323145"/>
              <a:gd name="connsiteX190" fmla="*/ 3036901 w 11269336"/>
              <a:gd name="connsiteY190" fmla="*/ 2138726 h 2323145"/>
              <a:gd name="connsiteX191" fmla="*/ 3026996 w 11269336"/>
              <a:gd name="connsiteY191" fmla="*/ 2134322 h 2323145"/>
              <a:gd name="connsiteX192" fmla="*/ 3007772 w 11269336"/>
              <a:gd name="connsiteY192" fmla="*/ 2128742 h 2323145"/>
              <a:gd name="connsiteX193" fmla="*/ 2965030 w 11269336"/>
              <a:gd name="connsiteY193" fmla="*/ 2100494 h 2323145"/>
              <a:gd name="connsiteX194" fmla="*/ 2926342 w 11269336"/>
              <a:gd name="connsiteY194" fmla="*/ 2104155 h 2323145"/>
              <a:gd name="connsiteX195" fmla="*/ 2918608 w 11269336"/>
              <a:gd name="connsiteY195" fmla="*/ 2104215 h 2323145"/>
              <a:gd name="connsiteX196" fmla="*/ 2918475 w 11269336"/>
              <a:gd name="connsiteY196" fmla="*/ 2103937 h 2323145"/>
              <a:gd name="connsiteX197" fmla="*/ 2910360 w 11269336"/>
              <a:gd name="connsiteY197" fmla="*/ 2103444 h 2323145"/>
              <a:gd name="connsiteX198" fmla="*/ 2904507 w 11269336"/>
              <a:gd name="connsiteY198" fmla="*/ 2104326 h 2323145"/>
              <a:gd name="connsiteX199" fmla="*/ 2889503 w 11269336"/>
              <a:gd name="connsiteY199" fmla="*/ 2104443 h 2323145"/>
              <a:gd name="connsiteX200" fmla="*/ 2884480 w 11269336"/>
              <a:gd name="connsiteY200" fmla="*/ 2102626 h 2323145"/>
              <a:gd name="connsiteX201" fmla="*/ 2882689 w 11269336"/>
              <a:gd name="connsiteY201" fmla="*/ 2099228 h 2323145"/>
              <a:gd name="connsiteX202" fmla="*/ 2881291 w 11269336"/>
              <a:gd name="connsiteY202" fmla="*/ 2099618 h 2323145"/>
              <a:gd name="connsiteX203" fmla="*/ 2853979 w 11269336"/>
              <a:gd name="connsiteY203" fmla="*/ 2090388 h 2323145"/>
              <a:gd name="connsiteX204" fmla="*/ 2791790 w 11269336"/>
              <a:gd name="connsiteY204" fmla="*/ 2080332 h 2323145"/>
              <a:gd name="connsiteX205" fmla="*/ 2755844 w 11269336"/>
              <a:gd name="connsiteY205" fmla="*/ 2078874 h 2323145"/>
              <a:gd name="connsiteX206" fmla="*/ 2657742 w 11269336"/>
              <a:gd name="connsiteY206" fmla="*/ 2070179 h 2323145"/>
              <a:gd name="connsiteX207" fmla="*/ 2559549 w 11269336"/>
              <a:gd name="connsiteY207" fmla="*/ 2057873 h 2323145"/>
              <a:gd name="connsiteX208" fmla="*/ 2512054 w 11269336"/>
              <a:gd name="connsiteY208" fmla="*/ 2031671 h 2323145"/>
              <a:gd name="connsiteX209" fmla="*/ 2506437 w 11269336"/>
              <a:gd name="connsiteY209" fmla="*/ 2030918 h 2323145"/>
              <a:gd name="connsiteX210" fmla="*/ 2491752 w 11269336"/>
              <a:gd name="connsiteY210" fmla="*/ 2033906 h 2323145"/>
              <a:gd name="connsiteX211" fmla="*/ 2486338 w 11269336"/>
              <a:gd name="connsiteY211" fmla="*/ 2035862 h 2323145"/>
              <a:gd name="connsiteX212" fmla="*/ 2478186 w 11269336"/>
              <a:gd name="connsiteY212" fmla="*/ 2036953 h 2323145"/>
              <a:gd name="connsiteX213" fmla="*/ 2477950 w 11269336"/>
              <a:gd name="connsiteY213" fmla="*/ 2036715 h 2323145"/>
              <a:gd name="connsiteX214" fmla="*/ 2470381 w 11269336"/>
              <a:gd name="connsiteY214" fmla="*/ 2038256 h 2323145"/>
              <a:gd name="connsiteX215" fmla="*/ 2433781 w 11269336"/>
              <a:gd name="connsiteY215" fmla="*/ 2049140 h 2323145"/>
              <a:gd name="connsiteX216" fmla="*/ 2381172 w 11269336"/>
              <a:gd name="connsiteY216" fmla="*/ 2030645 h 2323145"/>
              <a:gd name="connsiteX217" fmla="*/ 2360198 w 11269336"/>
              <a:gd name="connsiteY217" fmla="*/ 2029059 h 2323145"/>
              <a:gd name="connsiteX218" fmla="*/ 2348815 w 11269336"/>
              <a:gd name="connsiteY218" fmla="*/ 2026798 h 2323145"/>
              <a:gd name="connsiteX219" fmla="*/ 2347988 w 11269336"/>
              <a:gd name="connsiteY219" fmla="*/ 2025745 h 2323145"/>
              <a:gd name="connsiteX220" fmla="*/ 2312920 w 11269336"/>
              <a:gd name="connsiteY220" fmla="*/ 2036311 h 2323145"/>
              <a:gd name="connsiteX221" fmla="*/ 2307986 w 11269336"/>
              <a:gd name="connsiteY221" fmla="*/ 2035583 h 2323145"/>
              <a:gd name="connsiteX222" fmla="*/ 2285481 w 11269336"/>
              <a:gd name="connsiteY222" fmla="*/ 2045197 h 2323145"/>
              <a:gd name="connsiteX223" fmla="*/ 2273666 w 11269336"/>
              <a:gd name="connsiteY223" fmla="*/ 2048710 h 2323145"/>
              <a:gd name="connsiteX224" fmla="*/ 2270719 w 11269336"/>
              <a:gd name="connsiteY224" fmla="*/ 2052702 h 2323145"/>
              <a:gd name="connsiteX225" fmla="*/ 2253080 w 11269336"/>
              <a:gd name="connsiteY225" fmla="*/ 2056363 h 2323145"/>
              <a:gd name="connsiteX226" fmla="*/ 2250906 w 11269336"/>
              <a:gd name="connsiteY226" fmla="*/ 2055654 h 2323145"/>
              <a:gd name="connsiteX227" fmla="*/ 2236905 w 11269336"/>
              <a:gd name="connsiteY227" fmla="*/ 2062882 h 2323145"/>
              <a:gd name="connsiteX228" fmla="*/ 2225830 w 11269336"/>
              <a:gd name="connsiteY228" fmla="*/ 2074027 h 2323145"/>
              <a:gd name="connsiteX229" fmla="*/ 2073776 w 11269336"/>
              <a:gd name="connsiteY229" fmla="*/ 2089244 h 2323145"/>
              <a:gd name="connsiteX230" fmla="*/ 1948256 w 11269336"/>
              <a:gd name="connsiteY230" fmla="*/ 2146616 h 2323145"/>
              <a:gd name="connsiteX231" fmla="*/ 1865582 w 11269336"/>
              <a:gd name="connsiteY231" fmla="*/ 2153738 h 2323145"/>
              <a:gd name="connsiteX232" fmla="*/ 1835210 w 11269336"/>
              <a:gd name="connsiteY232" fmla="*/ 2134244 h 2323145"/>
              <a:gd name="connsiteX233" fmla="*/ 1632661 w 11269336"/>
              <a:gd name="connsiteY233" fmla="*/ 2173882 h 2323145"/>
              <a:gd name="connsiteX234" fmla="*/ 1579590 w 11269336"/>
              <a:gd name="connsiteY234" fmla="*/ 2173680 h 2323145"/>
              <a:gd name="connsiteX235" fmla="*/ 1535601 w 11269336"/>
              <a:gd name="connsiteY235" fmla="*/ 2194590 h 2323145"/>
              <a:gd name="connsiteX236" fmla="*/ 1515594 w 11269336"/>
              <a:gd name="connsiteY236" fmla="*/ 2189622 h 2323145"/>
              <a:gd name="connsiteX237" fmla="*/ 1512113 w 11269336"/>
              <a:gd name="connsiteY237" fmla="*/ 2188534 h 2323145"/>
              <a:gd name="connsiteX238" fmla="*/ 1498838 w 11269336"/>
              <a:gd name="connsiteY238" fmla="*/ 2189213 h 2323145"/>
              <a:gd name="connsiteX239" fmla="*/ 1494279 w 11269336"/>
              <a:gd name="connsiteY239" fmla="*/ 2183112 h 2323145"/>
              <a:gd name="connsiteX240" fmla="*/ 1473714 w 11269336"/>
              <a:gd name="connsiteY240" fmla="*/ 2179625 h 2323145"/>
              <a:gd name="connsiteX241" fmla="*/ 1449503 w 11269336"/>
              <a:gd name="connsiteY241" fmla="*/ 2182633 h 2323145"/>
              <a:gd name="connsiteX242" fmla="*/ 1266687 w 11269336"/>
              <a:gd name="connsiteY242" fmla="*/ 2212688 h 2323145"/>
              <a:gd name="connsiteX243" fmla="*/ 1239614 w 11269336"/>
              <a:gd name="connsiteY243" fmla="*/ 2209727 h 2323145"/>
              <a:gd name="connsiteX244" fmla="*/ 1202436 w 11269336"/>
              <a:gd name="connsiteY244" fmla="*/ 2209817 h 2323145"/>
              <a:gd name="connsiteX245" fmla="*/ 1136097 w 11269336"/>
              <a:gd name="connsiteY245" fmla="*/ 2205112 h 2323145"/>
              <a:gd name="connsiteX246" fmla="*/ 988232 w 11269336"/>
              <a:gd name="connsiteY246" fmla="*/ 2235635 h 2323145"/>
              <a:gd name="connsiteX247" fmla="*/ 981959 w 11269336"/>
              <a:gd name="connsiteY247" fmla="*/ 2231607 h 2323145"/>
              <a:gd name="connsiteX248" fmla="*/ 938600 w 11269336"/>
              <a:gd name="connsiteY248" fmla="*/ 2238113 h 2323145"/>
              <a:gd name="connsiteX249" fmla="*/ 791788 w 11269336"/>
              <a:gd name="connsiteY249" fmla="*/ 2293224 h 2323145"/>
              <a:gd name="connsiteX250" fmla="*/ 706914 w 11269336"/>
              <a:gd name="connsiteY250" fmla="*/ 2305046 h 2323145"/>
              <a:gd name="connsiteX251" fmla="*/ 675971 w 11269336"/>
              <a:gd name="connsiteY251" fmla="*/ 2304030 h 2323145"/>
              <a:gd name="connsiteX252" fmla="*/ 624180 w 11269336"/>
              <a:gd name="connsiteY252" fmla="*/ 2302650 h 2323145"/>
              <a:gd name="connsiteX253" fmla="*/ 583453 w 11269336"/>
              <a:gd name="connsiteY253" fmla="*/ 2288788 h 2323145"/>
              <a:gd name="connsiteX254" fmla="*/ 540946 w 11269336"/>
              <a:gd name="connsiteY254" fmla="*/ 2292721 h 2323145"/>
              <a:gd name="connsiteX255" fmla="*/ 533680 w 11269336"/>
              <a:gd name="connsiteY255" fmla="*/ 2310233 h 2323145"/>
              <a:gd name="connsiteX256" fmla="*/ 487366 w 11269336"/>
              <a:gd name="connsiteY256" fmla="*/ 2309053 h 2323145"/>
              <a:gd name="connsiteX257" fmla="*/ 416820 w 11269336"/>
              <a:gd name="connsiteY257" fmla="*/ 2305443 h 2323145"/>
              <a:gd name="connsiteX258" fmla="*/ 376805 w 11269336"/>
              <a:gd name="connsiteY258" fmla="*/ 2307647 h 2323145"/>
              <a:gd name="connsiteX259" fmla="*/ 266777 w 11269336"/>
              <a:gd name="connsiteY259" fmla="*/ 2309012 h 2323145"/>
              <a:gd name="connsiteX260" fmla="*/ 156013 w 11269336"/>
              <a:gd name="connsiteY260" fmla="*/ 2306832 h 2323145"/>
              <a:gd name="connsiteX261" fmla="*/ 87258 w 11269336"/>
              <a:gd name="connsiteY261" fmla="*/ 2285511 h 2323145"/>
              <a:gd name="connsiteX262" fmla="*/ 23798 w 11269336"/>
              <a:gd name="connsiteY262" fmla="*/ 2281822 h 2323145"/>
              <a:gd name="connsiteX263" fmla="*/ 0 w 11269336"/>
              <a:gd name="connsiteY263" fmla="*/ 2285369 h 2323145"/>
              <a:gd name="connsiteX264" fmla="*/ 0 w 11269336"/>
              <a:gd name="connsiteY26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8977138 w 11269336"/>
              <a:gd name="connsiteY22" fmla="*/ 774970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263254 w 11269336"/>
              <a:gd name="connsiteY20" fmla="*/ 645662 h 2323145"/>
              <a:gd name="connsiteX21" fmla="*/ 9162278 w 11269336"/>
              <a:gd name="connsiteY21" fmla="*/ 704724 h 2323145"/>
              <a:gd name="connsiteX22" fmla="*/ 9062863 w 11269336"/>
              <a:gd name="connsiteY22" fmla="*/ 754656 h 2323145"/>
              <a:gd name="connsiteX23" fmla="*/ 8914746 w 11269336"/>
              <a:gd name="connsiteY23" fmla="*/ 826428 h 2323145"/>
              <a:gd name="connsiteX24" fmla="*/ 8917778 w 11269336"/>
              <a:gd name="connsiteY24" fmla="*/ 835198 h 2323145"/>
              <a:gd name="connsiteX25" fmla="*/ 8905560 w 11269336"/>
              <a:gd name="connsiteY25" fmla="*/ 838358 h 2323145"/>
              <a:gd name="connsiteX26" fmla="*/ 8897564 w 11269336"/>
              <a:gd name="connsiteY26" fmla="*/ 834287 h 2323145"/>
              <a:gd name="connsiteX27" fmla="*/ 8878040 w 11269336"/>
              <a:gd name="connsiteY27" fmla="*/ 844150 h 2323145"/>
              <a:gd name="connsiteX28" fmla="*/ 8795998 w 11269336"/>
              <a:gd name="connsiteY28" fmla="*/ 863337 h 2323145"/>
              <a:gd name="connsiteX29" fmla="*/ 8776970 w 11269336"/>
              <a:gd name="connsiteY29" fmla="*/ 885177 h 2323145"/>
              <a:gd name="connsiteX30" fmla="*/ 8755719 w 11269336"/>
              <a:gd name="connsiteY30" fmla="*/ 889754 h 2323145"/>
              <a:gd name="connsiteX31" fmla="*/ 8743257 w 11269336"/>
              <a:gd name="connsiteY31" fmla="*/ 904723 h 2323145"/>
              <a:gd name="connsiteX32" fmla="*/ 8721366 w 11269336"/>
              <a:gd name="connsiteY32" fmla="*/ 904711 h 2323145"/>
              <a:gd name="connsiteX33" fmla="*/ 8678353 w 11269336"/>
              <a:gd name="connsiteY33" fmla="*/ 926318 h 2323145"/>
              <a:gd name="connsiteX34" fmla="*/ 8636849 w 11269336"/>
              <a:gd name="connsiteY34" fmla="*/ 937900 h 2323145"/>
              <a:gd name="connsiteX35" fmla="*/ 8620213 w 11269336"/>
              <a:gd name="connsiteY35" fmla="*/ 943068 h 2323145"/>
              <a:gd name="connsiteX36" fmla="*/ 8612581 w 11269336"/>
              <a:gd name="connsiteY36" fmla="*/ 952695 h 2323145"/>
              <a:gd name="connsiteX37" fmla="*/ 8589038 w 11269336"/>
              <a:gd name="connsiteY37" fmla="*/ 963892 h 2323145"/>
              <a:gd name="connsiteX38" fmla="*/ 8579950 w 11269336"/>
              <a:gd name="connsiteY38" fmla="*/ 960899 h 2323145"/>
              <a:gd name="connsiteX39" fmla="*/ 8579319 w 11269336"/>
              <a:gd name="connsiteY39" fmla="*/ 965630 h 2323145"/>
              <a:gd name="connsiteX40" fmla="*/ 8547429 w 11269336"/>
              <a:gd name="connsiteY40" fmla="*/ 984506 h 2323145"/>
              <a:gd name="connsiteX41" fmla="*/ 8478704 w 11269336"/>
              <a:gd name="connsiteY41" fmla="*/ 1025490 h 2323145"/>
              <a:gd name="connsiteX42" fmla="*/ 8461421 w 11269336"/>
              <a:gd name="connsiteY42" fmla="*/ 1035512 h 2323145"/>
              <a:gd name="connsiteX43" fmla="*/ 8445003 w 11269336"/>
              <a:gd name="connsiteY43" fmla="*/ 1036851 h 2323145"/>
              <a:gd name="connsiteX44" fmla="*/ 8357350 w 11269336"/>
              <a:gd name="connsiteY44" fmla="*/ 1060213 h 2323145"/>
              <a:gd name="connsiteX45" fmla="*/ 8335565 w 11269336"/>
              <a:gd name="connsiteY45" fmla="*/ 1061151 h 2323145"/>
              <a:gd name="connsiteX46" fmla="*/ 8325267 w 11269336"/>
              <a:gd name="connsiteY46" fmla="*/ 1055919 h 2323145"/>
              <a:gd name="connsiteX47" fmla="*/ 8293586 w 11269336"/>
              <a:gd name="connsiteY47" fmla="*/ 1076144 h 2323145"/>
              <a:gd name="connsiteX48" fmla="*/ 8242405 w 11269336"/>
              <a:gd name="connsiteY48" fmla="*/ 1095960 h 2323145"/>
              <a:gd name="connsiteX49" fmla="*/ 8197391 w 11269336"/>
              <a:gd name="connsiteY49" fmla="*/ 1107746 h 2323145"/>
              <a:gd name="connsiteX50" fmla="*/ 8081474 w 11269336"/>
              <a:gd name="connsiteY50" fmla="*/ 1130125 h 2323145"/>
              <a:gd name="connsiteX51" fmla="*/ 8053585 w 11269336"/>
              <a:gd name="connsiteY51" fmla="*/ 1129169 h 2323145"/>
              <a:gd name="connsiteX52" fmla="*/ 8038422 w 11269336"/>
              <a:gd name="connsiteY52" fmla="*/ 1119092 h 2323145"/>
              <a:gd name="connsiteX53" fmla="*/ 8029450 w 11269336"/>
              <a:gd name="connsiteY53" fmla="*/ 1125592 h 2323145"/>
              <a:gd name="connsiteX54" fmla="*/ 7959552 w 11269336"/>
              <a:gd name="connsiteY54" fmla="*/ 1140188 h 2323145"/>
              <a:gd name="connsiteX55" fmla="*/ 7914188 w 11269336"/>
              <a:gd name="connsiteY55" fmla="*/ 1150862 h 2323145"/>
              <a:gd name="connsiteX56" fmla="*/ 7914918 w 11269336"/>
              <a:gd name="connsiteY56" fmla="*/ 1168758 h 2323145"/>
              <a:gd name="connsiteX57" fmla="*/ 7875510 w 11269336"/>
              <a:gd name="connsiteY57" fmla="*/ 1183153 h 2323145"/>
              <a:gd name="connsiteX58" fmla="*/ 7829932 w 11269336"/>
              <a:gd name="connsiteY58" fmla="*/ 1180782 h 2323145"/>
              <a:gd name="connsiteX59" fmla="*/ 7779182 w 11269336"/>
              <a:gd name="connsiteY59" fmla="*/ 1192665 h 2323145"/>
              <a:gd name="connsiteX60" fmla="*/ 7748774 w 11269336"/>
              <a:gd name="connsiteY60" fmla="*/ 1199586 h 2323145"/>
              <a:gd name="connsiteX61" fmla="*/ 7671846 w 11269336"/>
              <a:gd name="connsiteY61" fmla="*/ 1231966 h 2323145"/>
              <a:gd name="connsiteX62" fmla="*/ 7554146 w 11269336"/>
              <a:gd name="connsiteY62" fmla="*/ 1319748 h 2323145"/>
              <a:gd name="connsiteX63" fmla="*/ 7515052 w 11269336"/>
              <a:gd name="connsiteY63" fmla="*/ 1336718 h 2323145"/>
              <a:gd name="connsiteX64" fmla="*/ 7507193 w 11269336"/>
              <a:gd name="connsiteY64" fmla="*/ 1334617 h 2323145"/>
              <a:gd name="connsiteX65" fmla="*/ 7461694 w 11269336"/>
              <a:gd name="connsiteY65" fmla="*/ 1375866 h 2323145"/>
              <a:gd name="connsiteX66" fmla="*/ 7377571 w 11269336"/>
              <a:gd name="connsiteY66" fmla="*/ 1400128 h 2323145"/>
              <a:gd name="connsiteX67" fmla="*/ 7311261 w 11269336"/>
              <a:gd name="connsiteY67" fmla="*/ 1412652 h 2323145"/>
              <a:gd name="connsiteX68" fmla="*/ 7275307 w 11269336"/>
              <a:gd name="connsiteY68" fmla="*/ 1422171 h 2323145"/>
              <a:gd name="connsiteX69" fmla="*/ 7247783 w 11269336"/>
              <a:gd name="connsiteY69" fmla="*/ 1426330 h 2323145"/>
              <a:gd name="connsiteX70" fmla="*/ 7185047 w 11269336"/>
              <a:gd name="connsiteY70" fmla="*/ 1451812 h 2323145"/>
              <a:gd name="connsiteX71" fmla="*/ 7084117 w 11269336"/>
              <a:gd name="connsiteY71" fmla="*/ 1500281 h 2323145"/>
              <a:gd name="connsiteX72" fmla="*/ 7062011 w 11269336"/>
              <a:gd name="connsiteY72" fmla="*/ 1509183 h 2323145"/>
              <a:gd name="connsiteX73" fmla="*/ 7040555 w 11269336"/>
              <a:gd name="connsiteY73" fmla="*/ 1511207 h 2323145"/>
              <a:gd name="connsiteX74" fmla="*/ 7033438 w 11269336"/>
              <a:gd name="connsiteY74" fmla="*/ 1506772 h 2323145"/>
              <a:gd name="connsiteX75" fmla="*/ 7020886 w 11269336"/>
              <a:gd name="connsiteY75" fmla="*/ 1510764 h 2323145"/>
              <a:gd name="connsiteX76" fmla="*/ 7017033 w 11269336"/>
              <a:gd name="connsiteY76" fmla="*/ 1510650 h 2323145"/>
              <a:gd name="connsiteX77" fmla="*/ 6995460 w 11269336"/>
              <a:gd name="connsiteY77" fmla="*/ 1511173 h 2323145"/>
              <a:gd name="connsiteX78" fmla="*/ 6962144 w 11269336"/>
              <a:gd name="connsiteY78" fmla="*/ 1541508 h 2323145"/>
              <a:gd name="connsiteX79" fmla="*/ 6910674 w 11269336"/>
              <a:gd name="connsiteY79" fmla="*/ 1554793 h 2323145"/>
              <a:gd name="connsiteX80" fmla="*/ 6732152 w 11269336"/>
              <a:gd name="connsiteY80" fmla="*/ 1642538 h 2323145"/>
              <a:gd name="connsiteX81" fmla="*/ 6694106 w 11269336"/>
              <a:gd name="connsiteY81" fmla="*/ 1632377 h 2323145"/>
              <a:gd name="connsiteX82" fmla="*/ 6617223 w 11269336"/>
              <a:gd name="connsiteY82" fmla="*/ 1659889 h 2323145"/>
              <a:gd name="connsiteX83" fmla="*/ 6521138 w 11269336"/>
              <a:gd name="connsiteY83" fmla="*/ 1744340 h 2323145"/>
              <a:gd name="connsiteX84" fmla="*/ 6380677 w 11269336"/>
              <a:gd name="connsiteY84" fmla="*/ 1796883 h 2323145"/>
              <a:gd name="connsiteX85" fmla="*/ 6374897 w 11269336"/>
              <a:gd name="connsiteY85" fmla="*/ 1809910 h 2323145"/>
              <a:gd name="connsiteX86" fmla="*/ 6364545 w 11269336"/>
              <a:gd name="connsiteY86" fmla="*/ 1820090 h 2323145"/>
              <a:gd name="connsiteX87" fmla="*/ 6362126 w 11269336"/>
              <a:gd name="connsiteY87" fmla="*/ 1819991 h 2323145"/>
              <a:gd name="connsiteX88" fmla="*/ 6346673 w 11269336"/>
              <a:gd name="connsiteY88" fmla="*/ 1827824 h 2323145"/>
              <a:gd name="connsiteX89" fmla="*/ 6345588 w 11269336"/>
              <a:gd name="connsiteY89" fmla="*/ 1832232 h 2323145"/>
              <a:gd name="connsiteX90" fmla="*/ 6335708 w 11269336"/>
              <a:gd name="connsiteY90" fmla="*/ 1838451 h 2323145"/>
              <a:gd name="connsiteX91" fmla="*/ 6318182 w 11269336"/>
              <a:gd name="connsiteY91" fmla="*/ 1852975 h 2323145"/>
              <a:gd name="connsiteX92" fmla="*/ 6313084 w 11269336"/>
              <a:gd name="connsiteY92" fmla="*/ 1853561 h 2323145"/>
              <a:gd name="connsiteX93" fmla="*/ 6283816 w 11269336"/>
              <a:gd name="connsiteY93" fmla="*/ 1872148 h 2323145"/>
              <a:gd name="connsiteX94" fmla="*/ 6282550 w 11269336"/>
              <a:gd name="connsiteY94" fmla="*/ 1871392 h 2323145"/>
              <a:gd name="connsiteX95" fmla="*/ 6270527 w 11269336"/>
              <a:gd name="connsiteY95" fmla="*/ 1872208 h 2323145"/>
              <a:gd name="connsiteX96" fmla="*/ 6249518 w 11269336"/>
              <a:gd name="connsiteY96" fmla="*/ 1876079 h 2323145"/>
              <a:gd name="connsiteX97" fmla="*/ 6190386 w 11269336"/>
              <a:gd name="connsiteY97" fmla="*/ 1872478 h 2323145"/>
              <a:gd name="connsiteX98" fmla="*/ 6159777 w 11269336"/>
              <a:gd name="connsiteY98" fmla="*/ 1891745 h 2323145"/>
              <a:gd name="connsiteX99" fmla="*/ 6153131 w 11269336"/>
              <a:gd name="connsiteY99" fmla="*/ 1895079 h 2323145"/>
              <a:gd name="connsiteX100" fmla="*/ 6152798 w 11269336"/>
              <a:gd name="connsiteY100" fmla="*/ 1894920 h 2323145"/>
              <a:gd name="connsiteX101" fmla="*/ 6145388 w 11269336"/>
              <a:gd name="connsiteY101" fmla="*/ 1897990 h 2323145"/>
              <a:gd name="connsiteX102" fmla="*/ 6141014 w 11269336"/>
              <a:gd name="connsiteY102" fmla="*/ 1901155 h 2323145"/>
              <a:gd name="connsiteX103" fmla="*/ 6128122 w 11269336"/>
              <a:gd name="connsiteY103" fmla="*/ 1907623 h 2323145"/>
              <a:gd name="connsiteX104" fmla="*/ 6122351 w 11269336"/>
              <a:gd name="connsiteY104" fmla="*/ 1908359 h 2323145"/>
              <a:gd name="connsiteX105" fmla="*/ 6064750 w 11269336"/>
              <a:gd name="connsiteY105" fmla="*/ 1896394 h 2323145"/>
              <a:gd name="connsiteX106" fmla="*/ 5964230 w 11269336"/>
              <a:gd name="connsiteY106" fmla="*/ 1910038 h 2323145"/>
              <a:gd name="connsiteX107" fmla="*/ 5865399 w 11269336"/>
              <a:gd name="connsiteY107" fmla="*/ 1926966 h 2323145"/>
              <a:gd name="connsiteX108" fmla="*/ 5829951 w 11269336"/>
              <a:gd name="connsiteY108" fmla="*/ 1934755 h 2323145"/>
              <a:gd name="connsiteX109" fmla="*/ 5765285 w 11269336"/>
              <a:gd name="connsiteY109" fmla="*/ 1941322 h 2323145"/>
              <a:gd name="connsiteX110" fmla="*/ 5734750 w 11269336"/>
              <a:gd name="connsiteY110" fmla="*/ 1939793 h 2323145"/>
              <a:gd name="connsiteX111" fmla="*/ 5733569 w 11269336"/>
              <a:gd name="connsiteY111" fmla="*/ 1940505 h 2323145"/>
              <a:gd name="connsiteX112" fmla="*/ 5730329 w 11269336"/>
              <a:gd name="connsiteY112" fmla="*/ 1937845 h 2323145"/>
              <a:gd name="connsiteX113" fmla="*/ 5724661 w 11269336"/>
              <a:gd name="connsiteY113" fmla="*/ 1937455 h 2323145"/>
              <a:gd name="connsiteX114" fmla="*/ 5710186 w 11269336"/>
              <a:gd name="connsiteY114" fmla="*/ 1941370 h 2323145"/>
              <a:gd name="connsiteX115" fmla="*/ 5704910 w 11269336"/>
              <a:gd name="connsiteY115" fmla="*/ 1943663 h 2323145"/>
              <a:gd name="connsiteX116" fmla="*/ 5696836 w 11269336"/>
              <a:gd name="connsiteY116" fmla="*/ 1945271 h 2323145"/>
              <a:gd name="connsiteX117" fmla="*/ 5696583 w 11269336"/>
              <a:gd name="connsiteY117" fmla="*/ 1945050 h 2323145"/>
              <a:gd name="connsiteX118" fmla="*/ 5689123 w 11269336"/>
              <a:gd name="connsiteY118" fmla="*/ 1947067 h 2323145"/>
              <a:gd name="connsiteX119" fmla="*/ 5653291 w 11269336"/>
              <a:gd name="connsiteY119" fmla="*/ 1960245 h 2323145"/>
              <a:gd name="connsiteX120" fmla="*/ 5599385 w 11269336"/>
              <a:gd name="connsiteY120" fmla="*/ 1945198 h 2323145"/>
              <a:gd name="connsiteX121" fmla="*/ 5578300 w 11269336"/>
              <a:gd name="connsiteY121" fmla="*/ 1944963 h 2323145"/>
              <a:gd name="connsiteX122" fmla="*/ 5566758 w 11269336"/>
              <a:gd name="connsiteY122" fmla="*/ 1943441 h 2323145"/>
              <a:gd name="connsiteX123" fmla="*/ 5565857 w 11269336"/>
              <a:gd name="connsiteY123" fmla="*/ 1942445 h 2323145"/>
              <a:gd name="connsiteX124" fmla="*/ 5531534 w 11269336"/>
              <a:gd name="connsiteY124" fmla="*/ 1955208 h 2323145"/>
              <a:gd name="connsiteX125" fmla="*/ 5526552 w 11269336"/>
              <a:gd name="connsiteY125" fmla="*/ 1954799 h 2323145"/>
              <a:gd name="connsiteX126" fmla="*/ 5504723 w 11269336"/>
              <a:gd name="connsiteY126" fmla="*/ 1965811 h 2323145"/>
              <a:gd name="connsiteX127" fmla="*/ 5493156 w 11269336"/>
              <a:gd name="connsiteY127" fmla="*/ 1970063 h 2323145"/>
              <a:gd name="connsiteX128" fmla="*/ 5490486 w 11269336"/>
              <a:gd name="connsiteY128" fmla="*/ 1974227 h 2323145"/>
              <a:gd name="connsiteX129" fmla="*/ 5473107 w 11269336"/>
              <a:gd name="connsiteY129" fmla="*/ 1979001 h 2323145"/>
              <a:gd name="connsiteX130" fmla="*/ 5470885 w 11269336"/>
              <a:gd name="connsiteY130" fmla="*/ 1978432 h 2323145"/>
              <a:gd name="connsiteX131" fmla="*/ 5457393 w 11269336"/>
              <a:gd name="connsiteY131" fmla="*/ 1986525 h 2323145"/>
              <a:gd name="connsiteX132" fmla="*/ 5447102 w 11269336"/>
              <a:gd name="connsiteY132" fmla="*/ 1998329 h 2323145"/>
              <a:gd name="connsiteX133" fmla="*/ 5159151 w 11269336"/>
              <a:gd name="connsiteY133" fmla="*/ 2029640 h 2323145"/>
              <a:gd name="connsiteX134" fmla="*/ 5041688 w 11269336"/>
              <a:gd name="connsiteY134" fmla="*/ 2022334 h 2323145"/>
              <a:gd name="connsiteX135" fmla="*/ 4860988 w 11269336"/>
              <a:gd name="connsiteY135" fmla="*/ 2135698 h 2323145"/>
              <a:gd name="connsiteX136" fmla="*/ 4807902 w 11269336"/>
              <a:gd name="connsiteY136" fmla="*/ 2138894 h 2323145"/>
              <a:gd name="connsiteX137" fmla="*/ 4765388 w 11269336"/>
              <a:gd name="connsiteY137" fmla="*/ 2162525 h 2323145"/>
              <a:gd name="connsiteX138" fmla="*/ 4745033 w 11269336"/>
              <a:gd name="connsiteY138" fmla="*/ 2158859 h 2323145"/>
              <a:gd name="connsiteX139" fmla="*/ 4741475 w 11269336"/>
              <a:gd name="connsiteY139" fmla="*/ 2157998 h 2323145"/>
              <a:gd name="connsiteX140" fmla="*/ 4728247 w 11269336"/>
              <a:gd name="connsiteY140" fmla="*/ 2159526 h 2323145"/>
              <a:gd name="connsiteX141" fmla="*/ 4723263 w 11269336"/>
              <a:gd name="connsiteY141" fmla="*/ 2153742 h 2323145"/>
              <a:gd name="connsiteX142" fmla="*/ 4702453 w 11269336"/>
              <a:gd name="connsiteY142" fmla="*/ 2151586 h 2323145"/>
              <a:gd name="connsiteX143" fmla="*/ 4678455 w 11269336"/>
              <a:gd name="connsiteY143" fmla="*/ 2156131 h 2323145"/>
              <a:gd name="connsiteX144" fmla="*/ 4593061 w 11269336"/>
              <a:gd name="connsiteY144" fmla="*/ 2171597 h 2323145"/>
              <a:gd name="connsiteX145" fmla="*/ 4579902 w 11269336"/>
              <a:gd name="connsiteY145" fmla="*/ 2177927 h 2323145"/>
              <a:gd name="connsiteX146" fmla="*/ 4533444 w 11269336"/>
              <a:gd name="connsiteY146" fmla="*/ 2181200 h 2323145"/>
              <a:gd name="connsiteX147" fmla="*/ 4492832 w 11269336"/>
              <a:gd name="connsiteY147" fmla="*/ 2188033 h 2323145"/>
              <a:gd name="connsiteX148" fmla="*/ 4467257 w 11269336"/>
              <a:gd name="connsiteY148" fmla="*/ 2196121 h 2323145"/>
              <a:gd name="connsiteX149" fmla="*/ 4459937 w 11269336"/>
              <a:gd name="connsiteY149" fmla="*/ 2195182 h 2323145"/>
              <a:gd name="connsiteX150" fmla="*/ 4433312 w 11269336"/>
              <a:gd name="connsiteY150" fmla="*/ 2199004 h 2323145"/>
              <a:gd name="connsiteX151" fmla="*/ 4420601 w 11269336"/>
              <a:gd name="connsiteY151" fmla="*/ 2205158 h 2323145"/>
              <a:gd name="connsiteX152" fmla="*/ 4405765 w 11269336"/>
              <a:gd name="connsiteY152" fmla="*/ 2199902 h 2323145"/>
              <a:gd name="connsiteX153" fmla="*/ 4401354 w 11269336"/>
              <a:gd name="connsiteY153" fmla="*/ 2194745 h 2323145"/>
              <a:gd name="connsiteX154" fmla="*/ 4383151 w 11269336"/>
              <a:gd name="connsiteY154" fmla="*/ 2201140 h 2323145"/>
              <a:gd name="connsiteX155" fmla="*/ 4366646 w 11269336"/>
              <a:gd name="connsiteY155" fmla="*/ 2198564 h 2323145"/>
              <a:gd name="connsiteX156" fmla="*/ 4354009 w 11269336"/>
              <a:gd name="connsiteY156" fmla="*/ 2204984 h 2323145"/>
              <a:gd name="connsiteX157" fmla="*/ 4348284 w 11269336"/>
              <a:gd name="connsiteY157" fmla="*/ 2205270 h 2323145"/>
              <a:gd name="connsiteX158" fmla="*/ 4333906 w 11269336"/>
              <a:gd name="connsiteY158" fmla="*/ 2205251 h 2323145"/>
              <a:gd name="connsiteX159" fmla="*/ 4308819 w 11269336"/>
              <a:gd name="connsiteY159" fmla="*/ 2203822 h 2323145"/>
              <a:gd name="connsiteX160" fmla="*/ 4301210 w 11269336"/>
              <a:gd name="connsiteY160" fmla="*/ 2204456 h 2323145"/>
              <a:gd name="connsiteX161" fmla="*/ 4283095 w 11269336"/>
              <a:gd name="connsiteY161" fmla="*/ 2198177 h 2323145"/>
              <a:gd name="connsiteX162" fmla="*/ 4250119 w 11269336"/>
              <a:gd name="connsiteY162" fmla="*/ 2196342 h 2323145"/>
              <a:gd name="connsiteX163" fmla="*/ 4189203 w 11269336"/>
              <a:gd name="connsiteY163" fmla="*/ 2178994 h 2323145"/>
              <a:gd name="connsiteX164" fmla="*/ 4154035 w 11269336"/>
              <a:gd name="connsiteY164" fmla="*/ 2171950 h 2323145"/>
              <a:gd name="connsiteX165" fmla="*/ 4129569 w 11269336"/>
              <a:gd name="connsiteY165" fmla="*/ 2163850 h 2323145"/>
              <a:gd name="connsiteX166" fmla="*/ 4061250 w 11269336"/>
              <a:gd name="connsiteY166" fmla="*/ 2159236 h 2323145"/>
              <a:gd name="connsiteX167" fmla="*/ 3945480 w 11269336"/>
              <a:gd name="connsiteY167" fmla="*/ 2158279 h 2323145"/>
              <a:gd name="connsiteX168" fmla="*/ 3921468 w 11269336"/>
              <a:gd name="connsiteY168" fmla="*/ 2156588 h 2323145"/>
              <a:gd name="connsiteX169" fmla="*/ 3903348 w 11269336"/>
              <a:gd name="connsiteY169" fmla="*/ 2149220 h 2323145"/>
              <a:gd name="connsiteX170" fmla="*/ 3901342 w 11269336"/>
              <a:gd name="connsiteY170" fmla="*/ 2142355 h 2323145"/>
              <a:gd name="connsiteX171" fmla="*/ 3888539 w 11269336"/>
              <a:gd name="connsiteY171" fmla="*/ 2140476 h 2323145"/>
              <a:gd name="connsiteX172" fmla="*/ 3885662 w 11269336"/>
              <a:gd name="connsiteY172" fmla="*/ 2138740 h 2323145"/>
              <a:gd name="connsiteX173" fmla="*/ 3868627 w 11269336"/>
              <a:gd name="connsiteY173" fmla="*/ 2130023 h 2323145"/>
              <a:gd name="connsiteX174" fmla="*/ 3819177 w 11269336"/>
              <a:gd name="connsiteY174" fmla="*/ 2142111 h 2323145"/>
              <a:gd name="connsiteX175" fmla="*/ 3769100 w 11269336"/>
              <a:gd name="connsiteY175" fmla="*/ 2131731 h 2323145"/>
              <a:gd name="connsiteX176" fmla="*/ 3562752 w 11269336"/>
              <a:gd name="connsiteY176" fmla="*/ 2131785 h 2323145"/>
              <a:gd name="connsiteX177" fmla="*/ 3541402 w 11269336"/>
              <a:gd name="connsiteY177" fmla="*/ 2106821 h 2323145"/>
              <a:gd name="connsiteX178" fmla="*/ 3365341 w 11269336"/>
              <a:gd name="connsiteY178" fmla="*/ 2077638 h 2323145"/>
              <a:gd name="connsiteX179" fmla="*/ 3170922 w 11269336"/>
              <a:gd name="connsiteY179" fmla="*/ 2115957 h 2323145"/>
              <a:gd name="connsiteX180" fmla="*/ 3156256 w 11269336"/>
              <a:gd name="connsiteY180" fmla="*/ 2124773 h 2323145"/>
              <a:gd name="connsiteX181" fmla="*/ 3140298 w 11269336"/>
              <a:gd name="connsiteY181" fmla="*/ 2129182 h 2323145"/>
              <a:gd name="connsiteX182" fmla="*/ 3138514 w 11269336"/>
              <a:gd name="connsiteY182" fmla="*/ 2128069 h 2323145"/>
              <a:gd name="connsiteX183" fmla="*/ 3120467 w 11269336"/>
              <a:gd name="connsiteY183" fmla="*/ 2128281 h 2323145"/>
              <a:gd name="connsiteX184" fmla="*/ 3116175 w 11269336"/>
              <a:gd name="connsiteY184" fmla="*/ 2131633 h 2323145"/>
              <a:gd name="connsiteX185" fmla="*/ 3103685 w 11269336"/>
              <a:gd name="connsiteY185" fmla="*/ 2132814 h 2323145"/>
              <a:gd name="connsiteX186" fmla="*/ 3078794 w 11269336"/>
              <a:gd name="connsiteY186" fmla="*/ 2137935 h 2323145"/>
              <a:gd name="connsiteX187" fmla="*/ 3074407 w 11269336"/>
              <a:gd name="connsiteY187" fmla="*/ 2136274 h 2323145"/>
              <a:gd name="connsiteX188" fmla="*/ 3037285 w 11269336"/>
              <a:gd name="connsiteY188" fmla="*/ 2139919 h 2323145"/>
              <a:gd name="connsiteX189" fmla="*/ 3036901 w 11269336"/>
              <a:gd name="connsiteY189" fmla="*/ 2138726 h 2323145"/>
              <a:gd name="connsiteX190" fmla="*/ 3026996 w 11269336"/>
              <a:gd name="connsiteY190" fmla="*/ 2134322 h 2323145"/>
              <a:gd name="connsiteX191" fmla="*/ 3007772 w 11269336"/>
              <a:gd name="connsiteY191" fmla="*/ 2128742 h 2323145"/>
              <a:gd name="connsiteX192" fmla="*/ 2965030 w 11269336"/>
              <a:gd name="connsiteY192" fmla="*/ 2100494 h 2323145"/>
              <a:gd name="connsiteX193" fmla="*/ 2926342 w 11269336"/>
              <a:gd name="connsiteY193" fmla="*/ 2104155 h 2323145"/>
              <a:gd name="connsiteX194" fmla="*/ 2918608 w 11269336"/>
              <a:gd name="connsiteY194" fmla="*/ 2104215 h 2323145"/>
              <a:gd name="connsiteX195" fmla="*/ 2918475 w 11269336"/>
              <a:gd name="connsiteY195" fmla="*/ 2103937 h 2323145"/>
              <a:gd name="connsiteX196" fmla="*/ 2910360 w 11269336"/>
              <a:gd name="connsiteY196" fmla="*/ 2103444 h 2323145"/>
              <a:gd name="connsiteX197" fmla="*/ 2904507 w 11269336"/>
              <a:gd name="connsiteY197" fmla="*/ 2104326 h 2323145"/>
              <a:gd name="connsiteX198" fmla="*/ 2889503 w 11269336"/>
              <a:gd name="connsiteY198" fmla="*/ 2104443 h 2323145"/>
              <a:gd name="connsiteX199" fmla="*/ 2884480 w 11269336"/>
              <a:gd name="connsiteY199" fmla="*/ 2102626 h 2323145"/>
              <a:gd name="connsiteX200" fmla="*/ 2882689 w 11269336"/>
              <a:gd name="connsiteY200" fmla="*/ 2099228 h 2323145"/>
              <a:gd name="connsiteX201" fmla="*/ 2881291 w 11269336"/>
              <a:gd name="connsiteY201" fmla="*/ 2099618 h 2323145"/>
              <a:gd name="connsiteX202" fmla="*/ 2853979 w 11269336"/>
              <a:gd name="connsiteY202" fmla="*/ 2090388 h 2323145"/>
              <a:gd name="connsiteX203" fmla="*/ 2791790 w 11269336"/>
              <a:gd name="connsiteY203" fmla="*/ 2080332 h 2323145"/>
              <a:gd name="connsiteX204" fmla="*/ 2755844 w 11269336"/>
              <a:gd name="connsiteY204" fmla="*/ 2078874 h 2323145"/>
              <a:gd name="connsiteX205" fmla="*/ 2657742 w 11269336"/>
              <a:gd name="connsiteY205" fmla="*/ 2070179 h 2323145"/>
              <a:gd name="connsiteX206" fmla="*/ 2559549 w 11269336"/>
              <a:gd name="connsiteY206" fmla="*/ 2057873 h 2323145"/>
              <a:gd name="connsiteX207" fmla="*/ 2512054 w 11269336"/>
              <a:gd name="connsiteY207" fmla="*/ 2031671 h 2323145"/>
              <a:gd name="connsiteX208" fmla="*/ 2506437 w 11269336"/>
              <a:gd name="connsiteY208" fmla="*/ 2030918 h 2323145"/>
              <a:gd name="connsiteX209" fmla="*/ 2491752 w 11269336"/>
              <a:gd name="connsiteY209" fmla="*/ 2033906 h 2323145"/>
              <a:gd name="connsiteX210" fmla="*/ 2486338 w 11269336"/>
              <a:gd name="connsiteY210" fmla="*/ 2035862 h 2323145"/>
              <a:gd name="connsiteX211" fmla="*/ 2478186 w 11269336"/>
              <a:gd name="connsiteY211" fmla="*/ 2036953 h 2323145"/>
              <a:gd name="connsiteX212" fmla="*/ 2477950 w 11269336"/>
              <a:gd name="connsiteY212" fmla="*/ 2036715 h 2323145"/>
              <a:gd name="connsiteX213" fmla="*/ 2470381 w 11269336"/>
              <a:gd name="connsiteY213" fmla="*/ 2038256 h 2323145"/>
              <a:gd name="connsiteX214" fmla="*/ 2433781 w 11269336"/>
              <a:gd name="connsiteY214" fmla="*/ 2049140 h 2323145"/>
              <a:gd name="connsiteX215" fmla="*/ 2381172 w 11269336"/>
              <a:gd name="connsiteY215" fmla="*/ 2030645 h 2323145"/>
              <a:gd name="connsiteX216" fmla="*/ 2360198 w 11269336"/>
              <a:gd name="connsiteY216" fmla="*/ 2029059 h 2323145"/>
              <a:gd name="connsiteX217" fmla="*/ 2348815 w 11269336"/>
              <a:gd name="connsiteY217" fmla="*/ 2026798 h 2323145"/>
              <a:gd name="connsiteX218" fmla="*/ 2347988 w 11269336"/>
              <a:gd name="connsiteY218" fmla="*/ 2025745 h 2323145"/>
              <a:gd name="connsiteX219" fmla="*/ 2312920 w 11269336"/>
              <a:gd name="connsiteY219" fmla="*/ 2036311 h 2323145"/>
              <a:gd name="connsiteX220" fmla="*/ 2307986 w 11269336"/>
              <a:gd name="connsiteY220" fmla="*/ 2035583 h 2323145"/>
              <a:gd name="connsiteX221" fmla="*/ 2285481 w 11269336"/>
              <a:gd name="connsiteY221" fmla="*/ 2045197 h 2323145"/>
              <a:gd name="connsiteX222" fmla="*/ 2273666 w 11269336"/>
              <a:gd name="connsiteY222" fmla="*/ 2048710 h 2323145"/>
              <a:gd name="connsiteX223" fmla="*/ 2270719 w 11269336"/>
              <a:gd name="connsiteY223" fmla="*/ 2052702 h 2323145"/>
              <a:gd name="connsiteX224" fmla="*/ 2253080 w 11269336"/>
              <a:gd name="connsiteY224" fmla="*/ 2056363 h 2323145"/>
              <a:gd name="connsiteX225" fmla="*/ 2250906 w 11269336"/>
              <a:gd name="connsiteY225" fmla="*/ 2055654 h 2323145"/>
              <a:gd name="connsiteX226" fmla="*/ 2236905 w 11269336"/>
              <a:gd name="connsiteY226" fmla="*/ 2062882 h 2323145"/>
              <a:gd name="connsiteX227" fmla="*/ 2225830 w 11269336"/>
              <a:gd name="connsiteY227" fmla="*/ 2074027 h 2323145"/>
              <a:gd name="connsiteX228" fmla="*/ 2073776 w 11269336"/>
              <a:gd name="connsiteY228" fmla="*/ 2089244 h 2323145"/>
              <a:gd name="connsiteX229" fmla="*/ 1948256 w 11269336"/>
              <a:gd name="connsiteY229" fmla="*/ 2146616 h 2323145"/>
              <a:gd name="connsiteX230" fmla="*/ 1865582 w 11269336"/>
              <a:gd name="connsiteY230" fmla="*/ 2153738 h 2323145"/>
              <a:gd name="connsiteX231" fmla="*/ 1835210 w 11269336"/>
              <a:gd name="connsiteY231" fmla="*/ 2134244 h 2323145"/>
              <a:gd name="connsiteX232" fmla="*/ 1632661 w 11269336"/>
              <a:gd name="connsiteY232" fmla="*/ 2173882 h 2323145"/>
              <a:gd name="connsiteX233" fmla="*/ 1579590 w 11269336"/>
              <a:gd name="connsiteY233" fmla="*/ 2173680 h 2323145"/>
              <a:gd name="connsiteX234" fmla="*/ 1535601 w 11269336"/>
              <a:gd name="connsiteY234" fmla="*/ 2194590 h 2323145"/>
              <a:gd name="connsiteX235" fmla="*/ 1515594 w 11269336"/>
              <a:gd name="connsiteY235" fmla="*/ 2189622 h 2323145"/>
              <a:gd name="connsiteX236" fmla="*/ 1512113 w 11269336"/>
              <a:gd name="connsiteY236" fmla="*/ 2188534 h 2323145"/>
              <a:gd name="connsiteX237" fmla="*/ 1498838 w 11269336"/>
              <a:gd name="connsiteY237" fmla="*/ 2189213 h 2323145"/>
              <a:gd name="connsiteX238" fmla="*/ 1494279 w 11269336"/>
              <a:gd name="connsiteY238" fmla="*/ 2183112 h 2323145"/>
              <a:gd name="connsiteX239" fmla="*/ 1473714 w 11269336"/>
              <a:gd name="connsiteY239" fmla="*/ 2179625 h 2323145"/>
              <a:gd name="connsiteX240" fmla="*/ 1449503 w 11269336"/>
              <a:gd name="connsiteY240" fmla="*/ 2182633 h 2323145"/>
              <a:gd name="connsiteX241" fmla="*/ 1266687 w 11269336"/>
              <a:gd name="connsiteY241" fmla="*/ 2212688 h 2323145"/>
              <a:gd name="connsiteX242" fmla="*/ 1239614 w 11269336"/>
              <a:gd name="connsiteY242" fmla="*/ 2209727 h 2323145"/>
              <a:gd name="connsiteX243" fmla="*/ 1202436 w 11269336"/>
              <a:gd name="connsiteY243" fmla="*/ 2209817 h 2323145"/>
              <a:gd name="connsiteX244" fmla="*/ 1136097 w 11269336"/>
              <a:gd name="connsiteY244" fmla="*/ 2205112 h 2323145"/>
              <a:gd name="connsiteX245" fmla="*/ 988232 w 11269336"/>
              <a:gd name="connsiteY245" fmla="*/ 2235635 h 2323145"/>
              <a:gd name="connsiteX246" fmla="*/ 981959 w 11269336"/>
              <a:gd name="connsiteY246" fmla="*/ 2231607 h 2323145"/>
              <a:gd name="connsiteX247" fmla="*/ 938600 w 11269336"/>
              <a:gd name="connsiteY247" fmla="*/ 2238113 h 2323145"/>
              <a:gd name="connsiteX248" fmla="*/ 791788 w 11269336"/>
              <a:gd name="connsiteY248" fmla="*/ 2293224 h 2323145"/>
              <a:gd name="connsiteX249" fmla="*/ 706914 w 11269336"/>
              <a:gd name="connsiteY249" fmla="*/ 2305046 h 2323145"/>
              <a:gd name="connsiteX250" fmla="*/ 675971 w 11269336"/>
              <a:gd name="connsiteY250" fmla="*/ 2304030 h 2323145"/>
              <a:gd name="connsiteX251" fmla="*/ 624180 w 11269336"/>
              <a:gd name="connsiteY251" fmla="*/ 2302650 h 2323145"/>
              <a:gd name="connsiteX252" fmla="*/ 583453 w 11269336"/>
              <a:gd name="connsiteY252" fmla="*/ 2288788 h 2323145"/>
              <a:gd name="connsiteX253" fmla="*/ 540946 w 11269336"/>
              <a:gd name="connsiteY253" fmla="*/ 2292721 h 2323145"/>
              <a:gd name="connsiteX254" fmla="*/ 533680 w 11269336"/>
              <a:gd name="connsiteY254" fmla="*/ 2310233 h 2323145"/>
              <a:gd name="connsiteX255" fmla="*/ 487366 w 11269336"/>
              <a:gd name="connsiteY255" fmla="*/ 2309053 h 2323145"/>
              <a:gd name="connsiteX256" fmla="*/ 416820 w 11269336"/>
              <a:gd name="connsiteY256" fmla="*/ 2305443 h 2323145"/>
              <a:gd name="connsiteX257" fmla="*/ 376805 w 11269336"/>
              <a:gd name="connsiteY257" fmla="*/ 2307647 h 2323145"/>
              <a:gd name="connsiteX258" fmla="*/ 266777 w 11269336"/>
              <a:gd name="connsiteY258" fmla="*/ 2309012 h 2323145"/>
              <a:gd name="connsiteX259" fmla="*/ 156013 w 11269336"/>
              <a:gd name="connsiteY259" fmla="*/ 2306832 h 2323145"/>
              <a:gd name="connsiteX260" fmla="*/ 87258 w 11269336"/>
              <a:gd name="connsiteY260" fmla="*/ 2285511 h 2323145"/>
              <a:gd name="connsiteX261" fmla="*/ 23798 w 11269336"/>
              <a:gd name="connsiteY261" fmla="*/ 2281822 h 2323145"/>
              <a:gd name="connsiteX262" fmla="*/ 0 w 11269336"/>
              <a:gd name="connsiteY262" fmla="*/ 2285369 h 2323145"/>
              <a:gd name="connsiteX263" fmla="*/ 0 w 11269336"/>
              <a:gd name="connsiteY26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380600 w 11269336"/>
              <a:gd name="connsiteY19" fmla="*/ 549821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41688 w 11269336"/>
              <a:gd name="connsiteY133" fmla="*/ 2022334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79902 w 11269336"/>
              <a:gd name="connsiteY144" fmla="*/ 2177927 h 2323145"/>
              <a:gd name="connsiteX145" fmla="*/ 4533444 w 11269336"/>
              <a:gd name="connsiteY145" fmla="*/ 2181200 h 2323145"/>
              <a:gd name="connsiteX146" fmla="*/ 4492832 w 11269336"/>
              <a:gd name="connsiteY146" fmla="*/ 2188033 h 2323145"/>
              <a:gd name="connsiteX147" fmla="*/ 4467257 w 11269336"/>
              <a:gd name="connsiteY147" fmla="*/ 2196121 h 2323145"/>
              <a:gd name="connsiteX148" fmla="*/ 4459937 w 11269336"/>
              <a:gd name="connsiteY148" fmla="*/ 2195182 h 2323145"/>
              <a:gd name="connsiteX149" fmla="*/ 4433312 w 11269336"/>
              <a:gd name="connsiteY149" fmla="*/ 2199004 h 2323145"/>
              <a:gd name="connsiteX150" fmla="*/ 4420601 w 11269336"/>
              <a:gd name="connsiteY150" fmla="*/ 2205158 h 2323145"/>
              <a:gd name="connsiteX151" fmla="*/ 4405765 w 11269336"/>
              <a:gd name="connsiteY151" fmla="*/ 2199902 h 2323145"/>
              <a:gd name="connsiteX152" fmla="*/ 4401354 w 11269336"/>
              <a:gd name="connsiteY152" fmla="*/ 2194745 h 2323145"/>
              <a:gd name="connsiteX153" fmla="*/ 4383151 w 11269336"/>
              <a:gd name="connsiteY153" fmla="*/ 2201140 h 2323145"/>
              <a:gd name="connsiteX154" fmla="*/ 4366646 w 11269336"/>
              <a:gd name="connsiteY154" fmla="*/ 2198564 h 2323145"/>
              <a:gd name="connsiteX155" fmla="*/ 4354009 w 11269336"/>
              <a:gd name="connsiteY155" fmla="*/ 2204984 h 2323145"/>
              <a:gd name="connsiteX156" fmla="*/ 4348284 w 11269336"/>
              <a:gd name="connsiteY156" fmla="*/ 2205270 h 2323145"/>
              <a:gd name="connsiteX157" fmla="*/ 4333906 w 11269336"/>
              <a:gd name="connsiteY157" fmla="*/ 2205251 h 2323145"/>
              <a:gd name="connsiteX158" fmla="*/ 4308819 w 11269336"/>
              <a:gd name="connsiteY158" fmla="*/ 2203822 h 2323145"/>
              <a:gd name="connsiteX159" fmla="*/ 4301210 w 11269336"/>
              <a:gd name="connsiteY159" fmla="*/ 2204456 h 2323145"/>
              <a:gd name="connsiteX160" fmla="*/ 4283095 w 11269336"/>
              <a:gd name="connsiteY160" fmla="*/ 2198177 h 2323145"/>
              <a:gd name="connsiteX161" fmla="*/ 4250119 w 11269336"/>
              <a:gd name="connsiteY161" fmla="*/ 2196342 h 2323145"/>
              <a:gd name="connsiteX162" fmla="*/ 4189203 w 11269336"/>
              <a:gd name="connsiteY162" fmla="*/ 2178994 h 2323145"/>
              <a:gd name="connsiteX163" fmla="*/ 4154035 w 11269336"/>
              <a:gd name="connsiteY163" fmla="*/ 2171950 h 2323145"/>
              <a:gd name="connsiteX164" fmla="*/ 4129569 w 11269336"/>
              <a:gd name="connsiteY164" fmla="*/ 2163850 h 2323145"/>
              <a:gd name="connsiteX165" fmla="*/ 4061250 w 11269336"/>
              <a:gd name="connsiteY165" fmla="*/ 2159236 h 2323145"/>
              <a:gd name="connsiteX166" fmla="*/ 3945480 w 11269336"/>
              <a:gd name="connsiteY166" fmla="*/ 2158279 h 2323145"/>
              <a:gd name="connsiteX167" fmla="*/ 3921468 w 11269336"/>
              <a:gd name="connsiteY167" fmla="*/ 2156588 h 2323145"/>
              <a:gd name="connsiteX168" fmla="*/ 3903348 w 11269336"/>
              <a:gd name="connsiteY168" fmla="*/ 2149220 h 2323145"/>
              <a:gd name="connsiteX169" fmla="*/ 3901342 w 11269336"/>
              <a:gd name="connsiteY169" fmla="*/ 2142355 h 2323145"/>
              <a:gd name="connsiteX170" fmla="*/ 3888539 w 11269336"/>
              <a:gd name="connsiteY170" fmla="*/ 2140476 h 2323145"/>
              <a:gd name="connsiteX171" fmla="*/ 3885662 w 11269336"/>
              <a:gd name="connsiteY171" fmla="*/ 2138740 h 2323145"/>
              <a:gd name="connsiteX172" fmla="*/ 3868627 w 11269336"/>
              <a:gd name="connsiteY172" fmla="*/ 2130023 h 2323145"/>
              <a:gd name="connsiteX173" fmla="*/ 3819177 w 11269336"/>
              <a:gd name="connsiteY173" fmla="*/ 2142111 h 2323145"/>
              <a:gd name="connsiteX174" fmla="*/ 3769100 w 11269336"/>
              <a:gd name="connsiteY174" fmla="*/ 2131731 h 2323145"/>
              <a:gd name="connsiteX175" fmla="*/ 3562752 w 11269336"/>
              <a:gd name="connsiteY175" fmla="*/ 2131785 h 2323145"/>
              <a:gd name="connsiteX176" fmla="*/ 3541402 w 11269336"/>
              <a:gd name="connsiteY176" fmla="*/ 2106821 h 2323145"/>
              <a:gd name="connsiteX177" fmla="*/ 3365341 w 11269336"/>
              <a:gd name="connsiteY177" fmla="*/ 2077638 h 2323145"/>
              <a:gd name="connsiteX178" fmla="*/ 3170922 w 11269336"/>
              <a:gd name="connsiteY178" fmla="*/ 2115957 h 2323145"/>
              <a:gd name="connsiteX179" fmla="*/ 3156256 w 11269336"/>
              <a:gd name="connsiteY179" fmla="*/ 2124773 h 2323145"/>
              <a:gd name="connsiteX180" fmla="*/ 3140298 w 11269336"/>
              <a:gd name="connsiteY180" fmla="*/ 2129182 h 2323145"/>
              <a:gd name="connsiteX181" fmla="*/ 3138514 w 11269336"/>
              <a:gd name="connsiteY181" fmla="*/ 2128069 h 2323145"/>
              <a:gd name="connsiteX182" fmla="*/ 3120467 w 11269336"/>
              <a:gd name="connsiteY182" fmla="*/ 2128281 h 2323145"/>
              <a:gd name="connsiteX183" fmla="*/ 3116175 w 11269336"/>
              <a:gd name="connsiteY183" fmla="*/ 2131633 h 2323145"/>
              <a:gd name="connsiteX184" fmla="*/ 3103685 w 11269336"/>
              <a:gd name="connsiteY184" fmla="*/ 2132814 h 2323145"/>
              <a:gd name="connsiteX185" fmla="*/ 3078794 w 11269336"/>
              <a:gd name="connsiteY185" fmla="*/ 2137935 h 2323145"/>
              <a:gd name="connsiteX186" fmla="*/ 3074407 w 11269336"/>
              <a:gd name="connsiteY186" fmla="*/ 2136274 h 2323145"/>
              <a:gd name="connsiteX187" fmla="*/ 3037285 w 11269336"/>
              <a:gd name="connsiteY187" fmla="*/ 2139919 h 2323145"/>
              <a:gd name="connsiteX188" fmla="*/ 3036901 w 11269336"/>
              <a:gd name="connsiteY188" fmla="*/ 2138726 h 2323145"/>
              <a:gd name="connsiteX189" fmla="*/ 3026996 w 11269336"/>
              <a:gd name="connsiteY189" fmla="*/ 2134322 h 2323145"/>
              <a:gd name="connsiteX190" fmla="*/ 3007772 w 11269336"/>
              <a:gd name="connsiteY190" fmla="*/ 2128742 h 2323145"/>
              <a:gd name="connsiteX191" fmla="*/ 2965030 w 11269336"/>
              <a:gd name="connsiteY191" fmla="*/ 2100494 h 2323145"/>
              <a:gd name="connsiteX192" fmla="*/ 2926342 w 11269336"/>
              <a:gd name="connsiteY192" fmla="*/ 2104155 h 2323145"/>
              <a:gd name="connsiteX193" fmla="*/ 2918608 w 11269336"/>
              <a:gd name="connsiteY193" fmla="*/ 2104215 h 2323145"/>
              <a:gd name="connsiteX194" fmla="*/ 2918475 w 11269336"/>
              <a:gd name="connsiteY194" fmla="*/ 2103937 h 2323145"/>
              <a:gd name="connsiteX195" fmla="*/ 2910360 w 11269336"/>
              <a:gd name="connsiteY195" fmla="*/ 2103444 h 2323145"/>
              <a:gd name="connsiteX196" fmla="*/ 2904507 w 11269336"/>
              <a:gd name="connsiteY196" fmla="*/ 2104326 h 2323145"/>
              <a:gd name="connsiteX197" fmla="*/ 2889503 w 11269336"/>
              <a:gd name="connsiteY197" fmla="*/ 2104443 h 2323145"/>
              <a:gd name="connsiteX198" fmla="*/ 2884480 w 11269336"/>
              <a:gd name="connsiteY198" fmla="*/ 2102626 h 2323145"/>
              <a:gd name="connsiteX199" fmla="*/ 2882689 w 11269336"/>
              <a:gd name="connsiteY199" fmla="*/ 2099228 h 2323145"/>
              <a:gd name="connsiteX200" fmla="*/ 2881291 w 11269336"/>
              <a:gd name="connsiteY200" fmla="*/ 2099618 h 2323145"/>
              <a:gd name="connsiteX201" fmla="*/ 2853979 w 11269336"/>
              <a:gd name="connsiteY201" fmla="*/ 2090388 h 2323145"/>
              <a:gd name="connsiteX202" fmla="*/ 2791790 w 11269336"/>
              <a:gd name="connsiteY202" fmla="*/ 2080332 h 2323145"/>
              <a:gd name="connsiteX203" fmla="*/ 2755844 w 11269336"/>
              <a:gd name="connsiteY203" fmla="*/ 2078874 h 2323145"/>
              <a:gd name="connsiteX204" fmla="*/ 2657742 w 11269336"/>
              <a:gd name="connsiteY204" fmla="*/ 2070179 h 2323145"/>
              <a:gd name="connsiteX205" fmla="*/ 2559549 w 11269336"/>
              <a:gd name="connsiteY205" fmla="*/ 2057873 h 2323145"/>
              <a:gd name="connsiteX206" fmla="*/ 2512054 w 11269336"/>
              <a:gd name="connsiteY206" fmla="*/ 2031671 h 2323145"/>
              <a:gd name="connsiteX207" fmla="*/ 2506437 w 11269336"/>
              <a:gd name="connsiteY207" fmla="*/ 2030918 h 2323145"/>
              <a:gd name="connsiteX208" fmla="*/ 2491752 w 11269336"/>
              <a:gd name="connsiteY208" fmla="*/ 2033906 h 2323145"/>
              <a:gd name="connsiteX209" fmla="*/ 2486338 w 11269336"/>
              <a:gd name="connsiteY209" fmla="*/ 2035862 h 2323145"/>
              <a:gd name="connsiteX210" fmla="*/ 2478186 w 11269336"/>
              <a:gd name="connsiteY210" fmla="*/ 2036953 h 2323145"/>
              <a:gd name="connsiteX211" fmla="*/ 2477950 w 11269336"/>
              <a:gd name="connsiteY211" fmla="*/ 2036715 h 2323145"/>
              <a:gd name="connsiteX212" fmla="*/ 2470381 w 11269336"/>
              <a:gd name="connsiteY212" fmla="*/ 2038256 h 2323145"/>
              <a:gd name="connsiteX213" fmla="*/ 2433781 w 11269336"/>
              <a:gd name="connsiteY213" fmla="*/ 2049140 h 2323145"/>
              <a:gd name="connsiteX214" fmla="*/ 2381172 w 11269336"/>
              <a:gd name="connsiteY214" fmla="*/ 2030645 h 2323145"/>
              <a:gd name="connsiteX215" fmla="*/ 2360198 w 11269336"/>
              <a:gd name="connsiteY215" fmla="*/ 2029059 h 2323145"/>
              <a:gd name="connsiteX216" fmla="*/ 2348815 w 11269336"/>
              <a:gd name="connsiteY216" fmla="*/ 2026798 h 2323145"/>
              <a:gd name="connsiteX217" fmla="*/ 2347988 w 11269336"/>
              <a:gd name="connsiteY217" fmla="*/ 2025745 h 2323145"/>
              <a:gd name="connsiteX218" fmla="*/ 2312920 w 11269336"/>
              <a:gd name="connsiteY218" fmla="*/ 2036311 h 2323145"/>
              <a:gd name="connsiteX219" fmla="*/ 2307986 w 11269336"/>
              <a:gd name="connsiteY219" fmla="*/ 2035583 h 2323145"/>
              <a:gd name="connsiteX220" fmla="*/ 2285481 w 11269336"/>
              <a:gd name="connsiteY220" fmla="*/ 2045197 h 2323145"/>
              <a:gd name="connsiteX221" fmla="*/ 2273666 w 11269336"/>
              <a:gd name="connsiteY221" fmla="*/ 2048710 h 2323145"/>
              <a:gd name="connsiteX222" fmla="*/ 2270719 w 11269336"/>
              <a:gd name="connsiteY222" fmla="*/ 2052702 h 2323145"/>
              <a:gd name="connsiteX223" fmla="*/ 2253080 w 11269336"/>
              <a:gd name="connsiteY223" fmla="*/ 2056363 h 2323145"/>
              <a:gd name="connsiteX224" fmla="*/ 2250906 w 11269336"/>
              <a:gd name="connsiteY224" fmla="*/ 2055654 h 2323145"/>
              <a:gd name="connsiteX225" fmla="*/ 2236905 w 11269336"/>
              <a:gd name="connsiteY225" fmla="*/ 2062882 h 2323145"/>
              <a:gd name="connsiteX226" fmla="*/ 2225830 w 11269336"/>
              <a:gd name="connsiteY226" fmla="*/ 2074027 h 2323145"/>
              <a:gd name="connsiteX227" fmla="*/ 2073776 w 11269336"/>
              <a:gd name="connsiteY227" fmla="*/ 2089244 h 2323145"/>
              <a:gd name="connsiteX228" fmla="*/ 1948256 w 11269336"/>
              <a:gd name="connsiteY228" fmla="*/ 2146616 h 2323145"/>
              <a:gd name="connsiteX229" fmla="*/ 1865582 w 11269336"/>
              <a:gd name="connsiteY229" fmla="*/ 2153738 h 2323145"/>
              <a:gd name="connsiteX230" fmla="*/ 1835210 w 11269336"/>
              <a:gd name="connsiteY230" fmla="*/ 2134244 h 2323145"/>
              <a:gd name="connsiteX231" fmla="*/ 1632661 w 11269336"/>
              <a:gd name="connsiteY231" fmla="*/ 2173882 h 2323145"/>
              <a:gd name="connsiteX232" fmla="*/ 1579590 w 11269336"/>
              <a:gd name="connsiteY232" fmla="*/ 2173680 h 2323145"/>
              <a:gd name="connsiteX233" fmla="*/ 1535601 w 11269336"/>
              <a:gd name="connsiteY233" fmla="*/ 2194590 h 2323145"/>
              <a:gd name="connsiteX234" fmla="*/ 1515594 w 11269336"/>
              <a:gd name="connsiteY234" fmla="*/ 2189622 h 2323145"/>
              <a:gd name="connsiteX235" fmla="*/ 1512113 w 11269336"/>
              <a:gd name="connsiteY235" fmla="*/ 2188534 h 2323145"/>
              <a:gd name="connsiteX236" fmla="*/ 1498838 w 11269336"/>
              <a:gd name="connsiteY236" fmla="*/ 2189213 h 2323145"/>
              <a:gd name="connsiteX237" fmla="*/ 1494279 w 11269336"/>
              <a:gd name="connsiteY237" fmla="*/ 2183112 h 2323145"/>
              <a:gd name="connsiteX238" fmla="*/ 1473714 w 11269336"/>
              <a:gd name="connsiteY238" fmla="*/ 2179625 h 2323145"/>
              <a:gd name="connsiteX239" fmla="*/ 1449503 w 11269336"/>
              <a:gd name="connsiteY239" fmla="*/ 2182633 h 2323145"/>
              <a:gd name="connsiteX240" fmla="*/ 1266687 w 11269336"/>
              <a:gd name="connsiteY240" fmla="*/ 2212688 h 2323145"/>
              <a:gd name="connsiteX241" fmla="*/ 1239614 w 11269336"/>
              <a:gd name="connsiteY241" fmla="*/ 2209727 h 2323145"/>
              <a:gd name="connsiteX242" fmla="*/ 1202436 w 11269336"/>
              <a:gd name="connsiteY242" fmla="*/ 2209817 h 2323145"/>
              <a:gd name="connsiteX243" fmla="*/ 1136097 w 11269336"/>
              <a:gd name="connsiteY243" fmla="*/ 2205112 h 2323145"/>
              <a:gd name="connsiteX244" fmla="*/ 988232 w 11269336"/>
              <a:gd name="connsiteY244" fmla="*/ 2235635 h 2323145"/>
              <a:gd name="connsiteX245" fmla="*/ 981959 w 11269336"/>
              <a:gd name="connsiteY245" fmla="*/ 2231607 h 2323145"/>
              <a:gd name="connsiteX246" fmla="*/ 938600 w 11269336"/>
              <a:gd name="connsiteY246" fmla="*/ 2238113 h 2323145"/>
              <a:gd name="connsiteX247" fmla="*/ 791788 w 11269336"/>
              <a:gd name="connsiteY247" fmla="*/ 2293224 h 2323145"/>
              <a:gd name="connsiteX248" fmla="*/ 706914 w 11269336"/>
              <a:gd name="connsiteY248" fmla="*/ 2305046 h 2323145"/>
              <a:gd name="connsiteX249" fmla="*/ 675971 w 11269336"/>
              <a:gd name="connsiteY249" fmla="*/ 2304030 h 2323145"/>
              <a:gd name="connsiteX250" fmla="*/ 624180 w 11269336"/>
              <a:gd name="connsiteY250" fmla="*/ 2302650 h 2323145"/>
              <a:gd name="connsiteX251" fmla="*/ 583453 w 11269336"/>
              <a:gd name="connsiteY251" fmla="*/ 2288788 h 2323145"/>
              <a:gd name="connsiteX252" fmla="*/ 540946 w 11269336"/>
              <a:gd name="connsiteY252" fmla="*/ 2292721 h 2323145"/>
              <a:gd name="connsiteX253" fmla="*/ 533680 w 11269336"/>
              <a:gd name="connsiteY253" fmla="*/ 2310233 h 2323145"/>
              <a:gd name="connsiteX254" fmla="*/ 487366 w 11269336"/>
              <a:gd name="connsiteY254" fmla="*/ 2309053 h 2323145"/>
              <a:gd name="connsiteX255" fmla="*/ 416820 w 11269336"/>
              <a:gd name="connsiteY255" fmla="*/ 2305443 h 2323145"/>
              <a:gd name="connsiteX256" fmla="*/ 376805 w 11269336"/>
              <a:gd name="connsiteY256" fmla="*/ 2307647 h 2323145"/>
              <a:gd name="connsiteX257" fmla="*/ 266777 w 11269336"/>
              <a:gd name="connsiteY257" fmla="*/ 2309012 h 2323145"/>
              <a:gd name="connsiteX258" fmla="*/ 156013 w 11269336"/>
              <a:gd name="connsiteY258" fmla="*/ 2306832 h 2323145"/>
              <a:gd name="connsiteX259" fmla="*/ 87258 w 11269336"/>
              <a:gd name="connsiteY259" fmla="*/ 2285511 h 2323145"/>
              <a:gd name="connsiteX260" fmla="*/ 23798 w 11269336"/>
              <a:gd name="connsiteY260" fmla="*/ 2281822 h 2323145"/>
              <a:gd name="connsiteX261" fmla="*/ 0 w 11269336"/>
              <a:gd name="connsiteY261" fmla="*/ 2285369 h 2323145"/>
              <a:gd name="connsiteX262" fmla="*/ 0 w 11269336"/>
              <a:gd name="connsiteY26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678455 w 11269336"/>
              <a:gd name="connsiteY142" fmla="*/ 2156131 h 2323145"/>
              <a:gd name="connsiteX143" fmla="*/ 4593061 w 11269336"/>
              <a:gd name="connsiteY143" fmla="*/ 2171597 h 2323145"/>
              <a:gd name="connsiteX144" fmla="*/ 4533444 w 11269336"/>
              <a:gd name="connsiteY144" fmla="*/ 2181200 h 2323145"/>
              <a:gd name="connsiteX145" fmla="*/ 4492832 w 11269336"/>
              <a:gd name="connsiteY145" fmla="*/ 2188033 h 2323145"/>
              <a:gd name="connsiteX146" fmla="*/ 4467257 w 11269336"/>
              <a:gd name="connsiteY146" fmla="*/ 2196121 h 2323145"/>
              <a:gd name="connsiteX147" fmla="*/ 4459937 w 11269336"/>
              <a:gd name="connsiteY147" fmla="*/ 2195182 h 2323145"/>
              <a:gd name="connsiteX148" fmla="*/ 4433312 w 11269336"/>
              <a:gd name="connsiteY148" fmla="*/ 2199004 h 2323145"/>
              <a:gd name="connsiteX149" fmla="*/ 4420601 w 11269336"/>
              <a:gd name="connsiteY149" fmla="*/ 2205158 h 2323145"/>
              <a:gd name="connsiteX150" fmla="*/ 4405765 w 11269336"/>
              <a:gd name="connsiteY150" fmla="*/ 2199902 h 2323145"/>
              <a:gd name="connsiteX151" fmla="*/ 4401354 w 11269336"/>
              <a:gd name="connsiteY151" fmla="*/ 2194745 h 2323145"/>
              <a:gd name="connsiteX152" fmla="*/ 4383151 w 11269336"/>
              <a:gd name="connsiteY152" fmla="*/ 2201140 h 2323145"/>
              <a:gd name="connsiteX153" fmla="*/ 4366646 w 11269336"/>
              <a:gd name="connsiteY153" fmla="*/ 2198564 h 2323145"/>
              <a:gd name="connsiteX154" fmla="*/ 4354009 w 11269336"/>
              <a:gd name="connsiteY154" fmla="*/ 2204984 h 2323145"/>
              <a:gd name="connsiteX155" fmla="*/ 4348284 w 11269336"/>
              <a:gd name="connsiteY155" fmla="*/ 2205270 h 2323145"/>
              <a:gd name="connsiteX156" fmla="*/ 4333906 w 11269336"/>
              <a:gd name="connsiteY156" fmla="*/ 2205251 h 2323145"/>
              <a:gd name="connsiteX157" fmla="*/ 4308819 w 11269336"/>
              <a:gd name="connsiteY157" fmla="*/ 2203822 h 2323145"/>
              <a:gd name="connsiteX158" fmla="*/ 4301210 w 11269336"/>
              <a:gd name="connsiteY158" fmla="*/ 2204456 h 2323145"/>
              <a:gd name="connsiteX159" fmla="*/ 4283095 w 11269336"/>
              <a:gd name="connsiteY159" fmla="*/ 2198177 h 2323145"/>
              <a:gd name="connsiteX160" fmla="*/ 4250119 w 11269336"/>
              <a:gd name="connsiteY160" fmla="*/ 2196342 h 2323145"/>
              <a:gd name="connsiteX161" fmla="*/ 4189203 w 11269336"/>
              <a:gd name="connsiteY161" fmla="*/ 2178994 h 2323145"/>
              <a:gd name="connsiteX162" fmla="*/ 4154035 w 11269336"/>
              <a:gd name="connsiteY162" fmla="*/ 2171950 h 2323145"/>
              <a:gd name="connsiteX163" fmla="*/ 4129569 w 11269336"/>
              <a:gd name="connsiteY163" fmla="*/ 2163850 h 2323145"/>
              <a:gd name="connsiteX164" fmla="*/ 4061250 w 11269336"/>
              <a:gd name="connsiteY164" fmla="*/ 2159236 h 2323145"/>
              <a:gd name="connsiteX165" fmla="*/ 3945480 w 11269336"/>
              <a:gd name="connsiteY165" fmla="*/ 2158279 h 2323145"/>
              <a:gd name="connsiteX166" fmla="*/ 3921468 w 11269336"/>
              <a:gd name="connsiteY166" fmla="*/ 2156588 h 2323145"/>
              <a:gd name="connsiteX167" fmla="*/ 3903348 w 11269336"/>
              <a:gd name="connsiteY167" fmla="*/ 2149220 h 2323145"/>
              <a:gd name="connsiteX168" fmla="*/ 3901342 w 11269336"/>
              <a:gd name="connsiteY168" fmla="*/ 2142355 h 2323145"/>
              <a:gd name="connsiteX169" fmla="*/ 3888539 w 11269336"/>
              <a:gd name="connsiteY169" fmla="*/ 2140476 h 2323145"/>
              <a:gd name="connsiteX170" fmla="*/ 3885662 w 11269336"/>
              <a:gd name="connsiteY170" fmla="*/ 2138740 h 2323145"/>
              <a:gd name="connsiteX171" fmla="*/ 3868627 w 11269336"/>
              <a:gd name="connsiteY171" fmla="*/ 2130023 h 2323145"/>
              <a:gd name="connsiteX172" fmla="*/ 3819177 w 11269336"/>
              <a:gd name="connsiteY172" fmla="*/ 2142111 h 2323145"/>
              <a:gd name="connsiteX173" fmla="*/ 3769100 w 11269336"/>
              <a:gd name="connsiteY173" fmla="*/ 2131731 h 2323145"/>
              <a:gd name="connsiteX174" fmla="*/ 3562752 w 11269336"/>
              <a:gd name="connsiteY174" fmla="*/ 2131785 h 2323145"/>
              <a:gd name="connsiteX175" fmla="*/ 3541402 w 11269336"/>
              <a:gd name="connsiteY175" fmla="*/ 2106821 h 2323145"/>
              <a:gd name="connsiteX176" fmla="*/ 3365341 w 11269336"/>
              <a:gd name="connsiteY176" fmla="*/ 2077638 h 2323145"/>
              <a:gd name="connsiteX177" fmla="*/ 3170922 w 11269336"/>
              <a:gd name="connsiteY177" fmla="*/ 2115957 h 2323145"/>
              <a:gd name="connsiteX178" fmla="*/ 3156256 w 11269336"/>
              <a:gd name="connsiteY178" fmla="*/ 2124773 h 2323145"/>
              <a:gd name="connsiteX179" fmla="*/ 3140298 w 11269336"/>
              <a:gd name="connsiteY179" fmla="*/ 2129182 h 2323145"/>
              <a:gd name="connsiteX180" fmla="*/ 3138514 w 11269336"/>
              <a:gd name="connsiteY180" fmla="*/ 2128069 h 2323145"/>
              <a:gd name="connsiteX181" fmla="*/ 3120467 w 11269336"/>
              <a:gd name="connsiteY181" fmla="*/ 2128281 h 2323145"/>
              <a:gd name="connsiteX182" fmla="*/ 3116175 w 11269336"/>
              <a:gd name="connsiteY182" fmla="*/ 2131633 h 2323145"/>
              <a:gd name="connsiteX183" fmla="*/ 3103685 w 11269336"/>
              <a:gd name="connsiteY183" fmla="*/ 2132814 h 2323145"/>
              <a:gd name="connsiteX184" fmla="*/ 3078794 w 11269336"/>
              <a:gd name="connsiteY184" fmla="*/ 2137935 h 2323145"/>
              <a:gd name="connsiteX185" fmla="*/ 3074407 w 11269336"/>
              <a:gd name="connsiteY185" fmla="*/ 2136274 h 2323145"/>
              <a:gd name="connsiteX186" fmla="*/ 3037285 w 11269336"/>
              <a:gd name="connsiteY186" fmla="*/ 2139919 h 2323145"/>
              <a:gd name="connsiteX187" fmla="*/ 3036901 w 11269336"/>
              <a:gd name="connsiteY187" fmla="*/ 2138726 h 2323145"/>
              <a:gd name="connsiteX188" fmla="*/ 3026996 w 11269336"/>
              <a:gd name="connsiteY188" fmla="*/ 2134322 h 2323145"/>
              <a:gd name="connsiteX189" fmla="*/ 3007772 w 11269336"/>
              <a:gd name="connsiteY189" fmla="*/ 2128742 h 2323145"/>
              <a:gd name="connsiteX190" fmla="*/ 2965030 w 11269336"/>
              <a:gd name="connsiteY190" fmla="*/ 2100494 h 2323145"/>
              <a:gd name="connsiteX191" fmla="*/ 2926342 w 11269336"/>
              <a:gd name="connsiteY191" fmla="*/ 2104155 h 2323145"/>
              <a:gd name="connsiteX192" fmla="*/ 2918608 w 11269336"/>
              <a:gd name="connsiteY192" fmla="*/ 2104215 h 2323145"/>
              <a:gd name="connsiteX193" fmla="*/ 2918475 w 11269336"/>
              <a:gd name="connsiteY193" fmla="*/ 2103937 h 2323145"/>
              <a:gd name="connsiteX194" fmla="*/ 2910360 w 11269336"/>
              <a:gd name="connsiteY194" fmla="*/ 2103444 h 2323145"/>
              <a:gd name="connsiteX195" fmla="*/ 2904507 w 11269336"/>
              <a:gd name="connsiteY195" fmla="*/ 2104326 h 2323145"/>
              <a:gd name="connsiteX196" fmla="*/ 2889503 w 11269336"/>
              <a:gd name="connsiteY196" fmla="*/ 2104443 h 2323145"/>
              <a:gd name="connsiteX197" fmla="*/ 2884480 w 11269336"/>
              <a:gd name="connsiteY197" fmla="*/ 2102626 h 2323145"/>
              <a:gd name="connsiteX198" fmla="*/ 2882689 w 11269336"/>
              <a:gd name="connsiteY198" fmla="*/ 2099228 h 2323145"/>
              <a:gd name="connsiteX199" fmla="*/ 2881291 w 11269336"/>
              <a:gd name="connsiteY199" fmla="*/ 2099618 h 2323145"/>
              <a:gd name="connsiteX200" fmla="*/ 2853979 w 11269336"/>
              <a:gd name="connsiteY200" fmla="*/ 2090388 h 2323145"/>
              <a:gd name="connsiteX201" fmla="*/ 2791790 w 11269336"/>
              <a:gd name="connsiteY201" fmla="*/ 2080332 h 2323145"/>
              <a:gd name="connsiteX202" fmla="*/ 2755844 w 11269336"/>
              <a:gd name="connsiteY202" fmla="*/ 2078874 h 2323145"/>
              <a:gd name="connsiteX203" fmla="*/ 2657742 w 11269336"/>
              <a:gd name="connsiteY203" fmla="*/ 2070179 h 2323145"/>
              <a:gd name="connsiteX204" fmla="*/ 2559549 w 11269336"/>
              <a:gd name="connsiteY204" fmla="*/ 2057873 h 2323145"/>
              <a:gd name="connsiteX205" fmla="*/ 2512054 w 11269336"/>
              <a:gd name="connsiteY205" fmla="*/ 2031671 h 2323145"/>
              <a:gd name="connsiteX206" fmla="*/ 2506437 w 11269336"/>
              <a:gd name="connsiteY206" fmla="*/ 2030918 h 2323145"/>
              <a:gd name="connsiteX207" fmla="*/ 2491752 w 11269336"/>
              <a:gd name="connsiteY207" fmla="*/ 2033906 h 2323145"/>
              <a:gd name="connsiteX208" fmla="*/ 2486338 w 11269336"/>
              <a:gd name="connsiteY208" fmla="*/ 2035862 h 2323145"/>
              <a:gd name="connsiteX209" fmla="*/ 2478186 w 11269336"/>
              <a:gd name="connsiteY209" fmla="*/ 2036953 h 2323145"/>
              <a:gd name="connsiteX210" fmla="*/ 2477950 w 11269336"/>
              <a:gd name="connsiteY210" fmla="*/ 2036715 h 2323145"/>
              <a:gd name="connsiteX211" fmla="*/ 2470381 w 11269336"/>
              <a:gd name="connsiteY211" fmla="*/ 2038256 h 2323145"/>
              <a:gd name="connsiteX212" fmla="*/ 2433781 w 11269336"/>
              <a:gd name="connsiteY212" fmla="*/ 2049140 h 2323145"/>
              <a:gd name="connsiteX213" fmla="*/ 2381172 w 11269336"/>
              <a:gd name="connsiteY213" fmla="*/ 2030645 h 2323145"/>
              <a:gd name="connsiteX214" fmla="*/ 2360198 w 11269336"/>
              <a:gd name="connsiteY214" fmla="*/ 2029059 h 2323145"/>
              <a:gd name="connsiteX215" fmla="*/ 2348815 w 11269336"/>
              <a:gd name="connsiteY215" fmla="*/ 2026798 h 2323145"/>
              <a:gd name="connsiteX216" fmla="*/ 2347988 w 11269336"/>
              <a:gd name="connsiteY216" fmla="*/ 2025745 h 2323145"/>
              <a:gd name="connsiteX217" fmla="*/ 2312920 w 11269336"/>
              <a:gd name="connsiteY217" fmla="*/ 2036311 h 2323145"/>
              <a:gd name="connsiteX218" fmla="*/ 2307986 w 11269336"/>
              <a:gd name="connsiteY218" fmla="*/ 2035583 h 2323145"/>
              <a:gd name="connsiteX219" fmla="*/ 2285481 w 11269336"/>
              <a:gd name="connsiteY219" fmla="*/ 2045197 h 2323145"/>
              <a:gd name="connsiteX220" fmla="*/ 2273666 w 11269336"/>
              <a:gd name="connsiteY220" fmla="*/ 2048710 h 2323145"/>
              <a:gd name="connsiteX221" fmla="*/ 2270719 w 11269336"/>
              <a:gd name="connsiteY221" fmla="*/ 2052702 h 2323145"/>
              <a:gd name="connsiteX222" fmla="*/ 2253080 w 11269336"/>
              <a:gd name="connsiteY222" fmla="*/ 2056363 h 2323145"/>
              <a:gd name="connsiteX223" fmla="*/ 2250906 w 11269336"/>
              <a:gd name="connsiteY223" fmla="*/ 2055654 h 2323145"/>
              <a:gd name="connsiteX224" fmla="*/ 2236905 w 11269336"/>
              <a:gd name="connsiteY224" fmla="*/ 2062882 h 2323145"/>
              <a:gd name="connsiteX225" fmla="*/ 2225830 w 11269336"/>
              <a:gd name="connsiteY225" fmla="*/ 2074027 h 2323145"/>
              <a:gd name="connsiteX226" fmla="*/ 2073776 w 11269336"/>
              <a:gd name="connsiteY226" fmla="*/ 2089244 h 2323145"/>
              <a:gd name="connsiteX227" fmla="*/ 1948256 w 11269336"/>
              <a:gd name="connsiteY227" fmla="*/ 2146616 h 2323145"/>
              <a:gd name="connsiteX228" fmla="*/ 1865582 w 11269336"/>
              <a:gd name="connsiteY228" fmla="*/ 2153738 h 2323145"/>
              <a:gd name="connsiteX229" fmla="*/ 1835210 w 11269336"/>
              <a:gd name="connsiteY229" fmla="*/ 2134244 h 2323145"/>
              <a:gd name="connsiteX230" fmla="*/ 1632661 w 11269336"/>
              <a:gd name="connsiteY230" fmla="*/ 2173882 h 2323145"/>
              <a:gd name="connsiteX231" fmla="*/ 1579590 w 11269336"/>
              <a:gd name="connsiteY231" fmla="*/ 2173680 h 2323145"/>
              <a:gd name="connsiteX232" fmla="*/ 1535601 w 11269336"/>
              <a:gd name="connsiteY232" fmla="*/ 2194590 h 2323145"/>
              <a:gd name="connsiteX233" fmla="*/ 1515594 w 11269336"/>
              <a:gd name="connsiteY233" fmla="*/ 2189622 h 2323145"/>
              <a:gd name="connsiteX234" fmla="*/ 1512113 w 11269336"/>
              <a:gd name="connsiteY234" fmla="*/ 2188534 h 2323145"/>
              <a:gd name="connsiteX235" fmla="*/ 1498838 w 11269336"/>
              <a:gd name="connsiteY235" fmla="*/ 2189213 h 2323145"/>
              <a:gd name="connsiteX236" fmla="*/ 1494279 w 11269336"/>
              <a:gd name="connsiteY236" fmla="*/ 2183112 h 2323145"/>
              <a:gd name="connsiteX237" fmla="*/ 1473714 w 11269336"/>
              <a:gd name="connsiteY237" fmla="*/ 2179625 h 2323145"/>
              <a:gd name="connsiteX238" fmla="*/ 1449503 w 11269336"/>
              <a:gd name="connsiteY238" fmla="*/ 2182633 h 2323145"/>
              <a:gd name="connsiteX239" fmla="*/ 1266687 w 11269336"/>
              <a:gd name="connsiteY239" fmla="*/ 2212688 h 2323145"/>
              <a:gd name="connsiteX240" fmla="*/ 1239614 w 11269336"/>
              <a:gd name="connsiteY240" fmla="*/ 2209727 h 2323145"/>
              <a:gd name="connsiteX241" fmla="*/ 1202436 w 11269336"/>
              <a:gd name="connsiteY241" fmla="*/ 2209817 h 2323145"/>
              <a:gd name="connsiteX242" fmla="*/ 1136097 w 11269336"/>
              <a:gd name="connsiteY242" fmla="*/ 2205112 h 2323145"/>
              <a:gd name="connsiteX243" fmla="*/ 988232 w 11269336"/>
              <a:gd name="connsiteY243" fmla="*/ 2235635 h 2323145"/>
              <a:gd name="connsiteX244" fmla="*/ 981959 w 11269336"/>
              <a:gd name="connsiteY244" fmla="*/ 2231607 h 2323145"/>
              <a:gd name="connsiteX245" fmla="*/ 938600 w 11269336"/>
              <a:gd name="connsiteY245" fmla="*/ 2238113 h 2323145"/>
              <a:gd name="connsiteX246" fmla="*/ 791788 w 11269336"/>
              <a:gd name="connsiteY246" fmla="*/ 2293224 h 2323145"/>
              <a:gd name="connsiteX247" fmla="*/ 706914 w 11269336"/>
              <a:gd name="connsiteY247" fmla="*/ 2305046 h 2323145"/>
              <a:gd name="connsiteX248" fmla="*/ 675971 w 11269336"/>
              <a:gd name="connsiteY248" fmla="*/ 2304030 h 2323145"/>
              <a:gd name="connsiteX249" fmla="*/ 624180 w 11269336"/>
              <a:gd name="connsiteY249" fmla="*/ 2302650 h 2323145"/>
              <a:gd name="connsiteX250" fmla="*/ 583453 w 11269336"/>
              <a:gd name="connsiteY250" fmla="*/ 2288788 h 2323145"/>
              <a:gd name="connsiteX251" fmla="*/ 540946 w 11269336"/>
              <a:gd name="connsiteY251" fmla="*/ 2292721 h 2323145"/>
              <a:gd name="connsiteX252" fmla="*/ 533680 w 11269336"/>
              <a:gd name="connsiteY252" fmla="*/ 2310233 h 2323145"/>
              <a:gd name="connsiteX253" fmla="*/ 487366 w 11269336"/>
              <a:gd name="connsiteY253" fmla="*/ 2309053 h 2323145"/>
              <a:gd name="connsiteX254" fmla="*/ 416820 w 11269336"/>
              <a:gd name="connsiteY254" fmla="*/ 2305443 h 2323145"/>
              <a:gd name="connsiteX255" fmla="*/ 376805 w 11269336"/>
              <a:gd name="connsiteY255" fmla="*/ 2307647 h 2323145"/>
              <a:gd name="connsiteX256" fmla="*/ 266777 w 11269336"/>
              <a:gd name="connsiteY256" fmla="*/ 2309012 h 2323145"/>
              <a:gd name="connsiteX257" fmla="*/ 156013 w 11269336"/>
              <a:gd name="connsiteY257" fmla="*/ 2306832 h 2323145"/>
              <a:gd name="connsiteX258" fmla="*/ 87258 w 11269336"/>
              <a:gd name="connsiteY258" fmla="*/ 2285511 h 2323145"/>
              <a:gd name="connsiteX259" fmla="*/ 23798 w 11269336"/>
              <a:gd name="connsiteY259" fmla="*/ 2281822 h 2323145"/>
              <a:gd name="connsiteX260" fmla="*/ 0 w 11269336"/>
              <a:gd name="connsiteY260" fmla="*/ 2285369 h 2323145"/>
              <a:gd name="connsiteX261" fmla="*/ 0 w 11269336"/>
              <a:gd name="connsiteY261"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702453 w 11269336"/>
              <a:gd name="connsiteY141" fmla="*/ 2151586 h 2323145"/>
              <a:gd name="connsiteX142" fmla="*/ 4593061 w 11269336"/>
              <a:gd name="connsiteY142" fmla="*/ 2171597 h 2323145"/>
              <a:gd name="connsiteX143" fmla="*/ 4533444 w 11269336"/>
              <a:gd name="connsiteY143" fmla="*/ 2181200 h 2323145"/>
              <a:gd name="connsiteX144" fmla="*/ 4492832 w 11269336"/>
              <a:gd name="connsiteY144" fmla="*/ 2188033 h 2323145"/>
              <a:gd name="connsiteX145" fmla="*/ 4467257 w 11269336"/>
              <a:gd name="connsiteY145" fmla="*/ 2196121 h 2323145"/>
              <a:gd name="connsiteX146" fmla="*/ 4459937 w 11269336"/>
              <a:gd name="connsiteY146" fmla="*/ 2195182 h 2323145"/>
              <a:gd name="connsiteX147" fmla="*/ 4433312 w 11269336"/>
              <a:gd name="connsiteY147" fmla="*/ 2199004 h 2323145"/>
              <a:gd name="connsiteX148" fmla="*/ 4420601 w 11269336"/>
              <a:gd name="connsiteY148" fmla="*/ 2205158 h 2323145"/>
              <a:gd name="connsiteX149" fmla="*/ 4405765 w 11269336"/>
              <a:gd name="connsiteY149" fmla="*/ 2199902 h 2323145"/>
              <a:gd name="connsiteX150" fmla="*/ 4401354 w 11269336"/>
              <a:gd name="connsiteY150" fmla="*/ 2194745 h 2323145"/>
              <a:gd name="connsiteX151" fmla="*/ 4383151 w 11269336"/>
              <a:gd name="connsiteY151" fmla="*/ 2201140 h 2323145"/>
              <a:gd name="connsiteX152" fmla="*/ 4366646 w 11269336"/>
              <a:gd name="connsiteY152" fmla="*/ 2198564 h 2323145"/>
              <a:gd name="connsiteX153" fmla="*/ 4354009 w 11269336"/>
              <a:gd name="connsiteY153" fmla="*/ 2204984 h 2323145"/>
              <a:gd name="connsiteX154" fmla="*/ 4348284 w 11269336"/>
              <a:gd name="connsiteY154" fmla="*/ 2205270 h 2323145"/>
              <a:gd name="connsiteX155" fmla="*/ 4333906 w 11269336"/>
              <a:gd name="connsiteY155" fmla="*/ 2205251 h 2323145"/>
              <a:gd name="connsiteX156" fmla="*/ 4308819 w 11269336"/>
              <a:gd name="connsiteY156" fmla="*/ 2203822 h 2323145"/>
              <a:gd name="connsiteX157" fmla="*/ 4301210 w 11269336"/>
              <a:gd name="connsiteY157" fmla="*/ 2204456 h 2323145"/>
              <a:gd name="connsiteX158" fmla="*/ 4283095 w 11269336"/>
              <a:gd name="connsiteY158" fmla="*/ 2198177 h 2323145"/>
              <a:gd name="connsiteX159" fmla="*/ 4250119 w 11269336"/>
              <a:gd name="connsiteY159" fmla="*/ 2196342 h 2323145"/>
              <a:gd name="connsiteX160" fmla="*/ 4189203 w 11269336"/>
              <a:gd name="connsiteY160" fmla="*/ 2178994 h 2323145"/>
              <a:gd name="connsiteX161" fmla="*/ 4154035 w 11269336"/>
              <a:gd name="connsiteY161" fmla="*/ 2171950 h 2323145"/>
              <a:gd name="connsiteX162" fmla="*/ 4129569 w 11269336"/>
              <a:gd name="connsiteY162" fmla="*/ 2163850 h 2323145"/>
              <a:gd name="connsiteX163" fmla="*/ 4061250 w 11269336"/>
              <a:gd name="connsiteY163" fmla="*/ 2159236 h 2323145"/>
              <a:gd name="connsiteX164" fmla="*/ 3945480 w 11269336"/>
              <a:gd name="connsiteY164" fmla="*/ 2158279 h 2323145"/>
              <a:gd name="connsiteX165" fmla="*/ 3921468 w 11269336"/>
              <a:gd name="connsiteY165" fmla="*/ 2156588 h 2323145"/>
              <a:gd name="connsiteX166" fmla="*/ 3903348 w 11269336"/>
              <a:gd name="connsiteY166" fmla="*/ 2149220 h 2323145"/>
              <a:gd name="connsiteX167" fmla="*/ 3901342 w 11269336"/>
              <a:gd name="connsiteY167" fmla="*/ 2142355 h 2323145"/>
              <a:gd name="connsiteX168" fmla="*/ 3888539 w 11269336"/>
              <a:gd name="connsiteY168" fmla="*/ 2140476 h 2323145"/>
              <a:gd name="connsiteX169" fmla="*/ 3885662 w 11269336"/>
              <a:gd name="connsiteY169" fmla="*/ 2138740 h 2323145"/>
              <a:gd name="connsiteX170" fmla="*/ 3868627 w 11269336"/>
              <a:gd name="connsiteY170" fmla="*/ 2130023 h 2323145"/>
              <a:gd name="connsiteX171" fmla="*/ 3819177 w 11269336"/>
              <a:gd name="connsiteY171" fmla="*/ 2142111 h 2323145"/>
              <a:gd name="connsiteX172" fmla="*/ 3769100 w 11269336"/>
              <a:gd name="connsiteY172" fmla="*/ 2131731 h 2323145"/>
              <a:gd name="connsiteX173" fmla="*/ 3562752 w 11269336"/>
              <a:gd name="connsiteY173" fmla="*/ 2131785 h 2323145"/>
              <a:gd name="connsiteX174" fmla="*/ 3541402 w 11269336"/>
              <a:gd name="connsiteY174" fmla="*/ 2106821 h 2323145"/>
              <a:gd name="connsiteX175" fmla="*/ 3365341 w 11269336"/>
              <a:gd name="connsiteY175" fmla="*/ 2077638 h 2323145"/>
              <a:gd name="connsiteX176" fmla="*/ 3170922 w 11269336"/>
              <a:gd name="connsiteY176" fmla="*/ 2115957 h 2323145"/>
              <a:gd name="connsiteX177" fmla="*/ 3156256 w 11269336"/>
              <a:gd name="connsiteY177" fmla="*/ 2124773 h 2323145"/>
              <a:gd name="connsiteX178" fmla="*/ 3140298 w 11269336"/>
              <a:gd name="connsiteY178" fmla="*/ 2129182 h 2323145"/>
              <a:gd name="connsiteX179" fmla="*/ 3138514 w 11269336"/>
              <a:gd name="connsiteY179" fmla="*/ 2128069 h 2323145"/>
              <a:gd name="connsiteX180" fmla="*/ 3120467 w 11269336"/>
              <a:gd name="connsiteY180" fmla="*/ 2128281 h 2323145"/>
              <a:gd name="connsiteX181" fmla="*/ 3116175 w 11269336"/>
              <a:gd name="connsiteY181" fmla="*/ 2131633 h 2323145"/>
              <a:gd name="connsiteX182" fmla="*/ 3103685 w 11269336"/>
              <a:gd name="connsiteY182" fmla="*/ 2132814 h 2323145"/>
              <a:gd name="connsiteX183" fmla="*/ 3078794 w 11269336"/>
              <a:gd name="connsiteY183" fmla="*/ 2137935 h 2323145"/>
              <a:gd name="connsiteX184" fmla="*/ 3074407 w 11269336"/>
              <a:gd name="connsiteY184" fmla="*/ 2136274 h 2323145"/>
              <a:gd name="connsiteX185" fmla="*/ 3037285 w 11269336"/>
              <a:gd name="connsiteY185" fmla="*/ 2139919 h 2323145"/>
              <a:gd name="connsiteX186" fmla="*/ 3036901 w 11269336"/>
              <a:gd name="connsiteY186" fmla="*/ 2138726 h 2323145"/>
              <a:gd name="connsiteX187" fmla="*/ 3026996 w 11269336"/>
              <a:gd name="connsiteY187" fmla="*/ 2134322 h 2323145"/>
              <a:gd name="connsiteX188" fmla="*/ 3007772 w 11269336"/>
              <a:gd name="connsiteY188" fmla="*/ 2128742 h 2323145"/>
              <a:gd name="connsiteX189" fmla="*/ 2965030 w 11269336"/>
              <a:gd name="connsiteY189" fmla="*/ 2100494 h 2323145"/>
              <a:gd name="connsiteX190" fmla="*/ 2926342 w 11269336"/>
              <a:gd name="connsiteY190" fmla="*/ 2104155 h 2323145"/>
              <a:gd name="connsiteX191" fmla="*/ 2918608 w 11269336"/>
              <a:gd name="connsiteY191" fmla="*/ 2104215 h 2323145"/>
              <a:gd name="connsiteX192" fmla="*/ 2918475 w 11269336"/>
              <a:gd name="connsiteY192" fmla="*/ 2103937 h 2323145"/>
              <a:gd name="connsiteX193" fmla="*/ 2910360 w 11269336"/>
              <a:gd name="connsiteY193" fmla="*/ 2103444 h 2323145"/>
              <a:gd name="connsiteX194" fmla="*/ 2904507 w 11269336"/>
              <a:gd name="connsiteY194" fmla="*/ 2104326 h 2323145"/>
              <a:gd name="connsiteX195" fmla="*/ 2889503 w 11269336"/>
              <a:gd name="connsiteY195" fmla="*/ 2104443 h 2323145"/>
              <a:gd name="connsiteX196" fmla="*/ 2884480 w 11269336"/>
              <a:gd name="connsiteY196" fmla="*/ 2102626 h 2323145"/>
              <a:gd name="connsiteX197" fmla="*/ 2882689 w 11269336"/>
              <a:gd name="connsiteY197" fmla="*/ 2099228 h 2323145"/>
              <a:gd name="connsiteX198" fmla="*/ 2881291 w 11269336"/>
              <a:gd name="connsiteY198" fmla="*/ 2099618 h 2323145"/>
              <a:gd name="connsiteX199" fmla="*/ 2853979 w 11269336"/>
              <a:gd name="connsiteY199" fmla="*/ 2090388 h 2323145"/>
              <a:gd name="connsiteX200" fmla="*/ 2791790 w 11269336"/>
              <a:gd name="connsiteY200" fmla="*/ 2080332 h 2323145"/>
              <a:gd name="connsiteX201" fmla="*/ 2755844 w 11269336"/>
              <a:gd name="connsiteY201" fmla="*/ 2078874 h 2323145"/>
              <a:gd name="connsiteX202" fmla="*/ 2657742 w 11269336"/>
              <a:gd name="connsiteY202" fmla="*/ 2070179 h 2323145"/>
              <a:gd name="connsiteX203" fmla="*/ 2559549 w 11269336"/>
              <a:gd name="connsiteY203" fmla="*/ 2057873 h 2323145"/>
              <a:gd name="connsiteX204" fmla="*/ 2512054 w 11269336"/>
              <a:gd name="connsiteY204" fmla="*/ 2031671 h 2323145"/>
              <a:gd name="connsiteX205" fmla="*/ 2506437 w 11269336"/>
              <a:gd name="connsiteY205" fmla="*/ 2030918 h 2323145"/>
              <a:gd name="connsiteX206" fmla="*/ 2491752 w 11269336"/>
              <a:gd name="connsiteY206" fmla="*/ 2033906 h 2323145"/>
              <a:gd name="connsiteX207" fmla="*/ 2486338 w 11269336"/>
              <a:gd name="connsiteY207" fmla="*/ 2035862 h 2323145"/>
              <a:gd name="connsiteX208" fmla="*/ 2478186 w 11269336"/>
              <a:gd name="connsiteY208" fmla="*/ 2036953 h 2323145"/>
              <a:gd name="connsiteX209" fmla="*/ 2477950 w 11269336"/>
              <a:gd name="connsiteY209" fmla="*/ 2036715 h 2323145"/>
              <a:gd name="connsiteX210" fmla="*/ 2470381 w 11269336"/>
              <a:gd name="connsiteY210" fmla="*/ 2038256 h 2323145"/>
              <a:gd name="connsiteX211" fmla="*/ 2433781 w 11269336"/>
              <a:gd name="connsiteY211" fmla="*/ 2049140 h 2323145"/>
              <a:gd name="connsiteX212" fmla="*/ 2381172 w 11269336"/>
              <a:gd name="connsiteY212" fmla="*/ 2030645 h 2323145"/>
              <a:gd name="connsiteX213" fmla="*/ 2360198 w 11269336"/>
              <a:gd name="connsiteY213" fmla="*/ 2029059 h 2323145"/>
              <a:gd name="connsiteX214" fmla="*/ 2348815 w 11269336"/>
              <a:gd name="connsiteY214" fmla="*/ 2026798 h 2323145"/>
              <a:gd name="connsiteX215" fmla="*/ 2347988 w 11269336"/>
              <a:gd name="connsiteY215" fmla="*/ 2025745 h 2323145"/>
              <a:gd name="connsiteX216" fmla="*/ 2312920 w 11269336"/>
              <a:gd name="connsiteY216" fmla="*/ 2036311 h 2323145"/>
              <a:gd name="connsiteX217" fmla="*/ 2307986 w 11269336"/>
              <a:gd name="connsiteY217" fmla="*/ 2035583 h 2323145"/>
              <a:gd name="connsiteX218" fmla="*/ 2285481 w 11269336"/>
              <a:gd name="connsiteY218" fmla="*/ 2045197 h 2323145"/>
              <a:gd name="connsiteX219" fmla="*/ 2273666 w 11269336"/>
              <a:gd name="connsiteY219" fmla="*/ 2048710 h 2323145"/>
              <a:gd name="connsiteX220" fmla="*/ 2270719 w 11269336"/>
              <a:gd name="connsiteY220" fmla="*/ 2052702 h 2323145"/>
              <a:gd name="connsiteX221" fmla="*/ 2253080 w 11269336"/>
              <a:gd name="connsiteY221" fmla="*/ 2056363 h 2323145"/>
              <a:gd name="connsiteX222" fmla="*/ 2250906 w 11269336"/>
              <a:gd name="connsiteY222" fmla="*/ 2055654 h 2323145"/>
              <a:gd name="connsiteX223" fmla="*/ 2236905 w 11269336"/>
              <a:gd name="connsiteY223" fmla="*/ 2062882 h 2323145"/>
              <a:gd name="connsiteX224" fmla="*/ 2225830 w 11269336"/>
              <a:gd name="connsiteY224" fmla="*/ 2074027 h 2323145"/>
              <a:gd name="connsiteX225" fmla="*/ 2073776 w 11269336"/>
              <a:gd name="connsiteY225" fmla="*/ 2089244 h 2323145"/>
              <a:gd name="connsiteX226" fmla="*/ 1948256 w 11269336"/>
              <a:gd name="connsiteY226" fmla="*/ 2146616 h 2323145"/>
              <a:gd name="connsiteX227" fmla="*/ 1865582 w 11269336"/>
              <a:gd name="connsiteY227" fmla="*/ 2153738 h 2323145"/>
              <a:gd name="connsiteX228" fmla="*/ 1835210 w 11269336"/>
              <a:gd name="connsiteY228" fmla="*/ 2134244 h 2323145"/>
              <a:gd name="connsiteX229" fmla="*/ 1632661 w 11269336"/>
              <a:gd name="connsiteY229" fmla="*/ 2173882 h 2323145"/>
              <a:gd name="connsiteX230" fmla="*/ 1579590 w 11269336"/>
              <a:gd name="connsiteY230" fmla="*/ 2173680 h 2323145"/>
              <a:gd name="connsiteX231" fmla="*/ 1535601 w 11269336"/>
              <a:gd name="connsiteY231" fmla="*/ 2194590 h 2323145"/>
              <a:gd name="connsiteX232" fmla="*/ 1515594 w 11269336"/>
              <a:gd name="connsiteY232" fmla="*/ 2189622 h 2323145"/>
              <a:gd name="connsiteX233" fmla="*/ 1512113 w 11269336"/>
              <a:gd name="connsiteY233" fmla="*/ 2188534 h 2323145"/>
              <a:gd name="connsiteX234" fmla="*/ 1498838 w 11269336"/>
              <a:gd name="connsiteY234" fmla="*/ 2189213 h 2323145"/>
              <a:gd name="connsiteX235" fmla="*/ 1494279 w 11269336"/>
              <a:gd name="connsiteY235" fmla="*/ 2183112 h 2323145"/>
              <a:gd name="connsiteX236" fmla="*/ 1473714 w 11269336"/>
              <a:gd name="connsiteY236" fmla="*/ 2179625 h 2323145"/>
              <a:gd name="connsiteX237" fmla="*/ 1449503 w 11269336"/>
              <a:gd name="connsiteY237" fmla="*/ 2182633 h 2323145"/>
              <a:gd name="connsiteX238" fmla="*/ 1266687 w 11269336"/>
              <a:gd name="connsiteY238" fmla="*/ 2212688 h 2323145"/>
              <a:gd name="connsiteX239" fmla="*/ 1239614 w 11269336"/>
              <a:gd name="connsiteY239" fmla="*/ 2209727 h 2323145"/>
              <a:gd name="connsiteX240" fmla="*/ 1202436 w 11269336"/>
              <a:gd name="connsiteY240" fmla="*/ 2209817 h 2323145"/>
              <a:gd name="connsiteX241" fmla="*/ 1136097 w 11269336"/>
              <a:gd name="connsiteY241" fmla="*/ 2205112 h 2323145"/>
              <a:gd name="connsiteX242" fmla="*/ 988232 w 11269336"/>
              <a:gd name="connsiteY242" fmla="*/ 2235635 h 2323145"/>
              <a:gd name="connsiteX243" fmla="*/ 981959 w 11269336"/>
              <a:gd name="connsiteY243" fmla="*/ 2231607 h 2323145"/>
              <a:gd name="connsiteX244" fmla="*/ 938600 w 11269336"/>
              <a:gd name="connsiteY244" fmla="*/ 2238113 h 2323145"/>
              <a:gd name="connsiteX245" fmla="*/ 791788 w 11269336"/>
              <a:gd name="connsiteY245" fmla="*/ 2293224 h 2323145"/>
              <a:gd name="connsiteX246" fmla="*/ 706914 w 11269336"/>
              <a:gd name="connsiteY246" fmla="*/ 2305046 h 2323145"/>
              <a:gd name="connsiteX247" fmla="*/ 675971 w 11269336"/>
              <a:gd name="connsiteY247" fmla="*/ 2304030 h 2323145"/>
              <a:gd name="connsiteX248" fmla="*/ 624180 w 11269336"/>
              <a:gd name="connsiteY248" fmla="*/ 2302650 h 2323145"/>
              <a:gd name="connsiteX249" fmla="*/ 583453 w 11269336"/>
              <a:gd name="connsiteY249" fmla="*/ 2288788 h 2323145"/>
              <a:gd name="connsiteX250" fmla="*/ 540946 w 11269336"/>
              <a:gd name="connsiteY250" fmla="*/ 2292721 h 2323145"/>
              <a:gd name="connsiteX251" fmla="*/ 533680 w 11269336"/>
              <a:gd name="connsiteY251" fmla="*/ 2310233 h 2323145"/>
              <a:gd name="connsiteX252" fmla="*/ 487366 w 11269336"/>
              <a:gd name="connsiteY252" fmla="*/ 2309053 h 2323145"/>
              <a:gd name="connsiteX253" fmla="*/ 416820 w 11269336"/>
              <a:gd name="connsiteY253" fmla="*/ 2305443 h 2323145"/>
              <a:gd name="connsiteX254" fmla="*/ 376805 w 11269336"/>
              <a:gd name="connsiteY254" fmla="*/ 2307647 h 2323145"/>
              <a:gd name="connsiteX255" fmla="*/ 266777 w 11269336"/>
              <a:gd name="connsiteY255" fmla="*/ 2309012 h 2323145"/>
              <a:gd name="connsiteX256" fmla="*/ 156013 w 11269336"/>
              <a:gd name="connsiteY256" fmla="*/ 2306832 h 2323145"/>
              <a:gd name="connsiteX257" fmla="*/ 87258 w 11269336"/>
              <a:gd name="connsiteY257" fmla="*/ 2285511 h 2323145"/>
              <a:gd name="connsiteX258" fmla="*/ 23798 w 11269336"/>
              <a:gd name="connsiteY258" fmla="*/ 2281822 h 2323145"/>
              <a:gd name="connsiteX259" fmla="*/ 0 w 11269336"/>
              <a:gd name="connsiteY259" fmla="*/ 2285369 h 2323145"/>
              <a:gd name="connsiteX260" fmla="*/ 0 w 11269336"/>
              <a:gd name="connsiteY260"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807902 w 11269336"/>
              <a:gd name="connsiteY135" fmla="*/ 2138894 h 2323145"/>
              <a:gd name="connsiteX136" fmla="*/ 4765388 w 11269336"/>
              <a:gd name="connsiteY136" fmla="*/ 2162525 h 2323145"/>
              <a:gd name="connsiteX137" fmla="*/ 4745033 w 11269336"/>
              <a:gd name="connsiteY137" fmla="*/ 2158859 h 2323145"/>
              <a:gd name="connsiteX138" fmla="*/ 4741475 w 11269336"/>
              <a:gd name="connsiteY138" fmla="*/ 2157998 h 2323145"/>
              <a:gd name="connsiteX139" fmla="*/ 4728247 w 11269336"/>
              <a:gd name="connsiteY139" fmla="*/ 2159526 h 2323145"/>
              <a:gd name="connsiteX140" fmla="*/ 4723263 w 11269336"/>
              <a:gd name="connsiteY140" fmla="*/ 2153742 h 2323145"/>
              <a:gd name="connsiteX141" fmla="*/ 4593061 w 11269336"/>
              <a:gd name="connsiteY141" fmla="*/ 2171597 h 2323145"/>
              <a:gd name="connsiteX142" fmla="*/ 4533444 w 11269336"/>
              <a:gd name="connsiteY142" fmla="*/ 2181200 h 2323145"/>
              <a:gd name="connsiteX143" fmla="*/ 4492832 w 11269336"/>
              <a:gd name="connsiteY143" fmla="*/ 2188033 h 2323145"/>
              <a:gd name="connsiteX144" fmla="*/ 4467257 w 11269336"/>
              <a:gd name="connsiteY144" fmla="*/ 2196121 h 2323145"/>
              <a:gd name="connsiteX145" fmla="*/ 4459937 w 11269336"/>
              <a:gd name="connsiteY145" fmla="*/ 2195182 h 2323145"/>
              <a:gd name="connsiteX146" fmla="*/ 4433312 w 11269336"/>
              <a:gd name="connsiteY146" fmla="*/ 2199004 h 2323145"/>
              <a:gd name="connsiteX147" fmla="*/ 4420601 w 11269336"/>
              <a:gd name="connsiteY147" fmla="*/ 2205158 h 2323145"/>
              <a:gd name="connsiteX148" fmla="*/ 4405765 w 11269336"/>
              <a:gd name="connsiteY148" fmla="*/ 2199902 h 2323145"/>
              <a:gd name="connsiteX149" fmla="*/ 4401354 w 11269336"/>
              <a:gd name="connsiteY149" fmla="*/ 2194745 h 2323145"/>
              <a:gd name="connsiteX150" fmla="*/ 4383151 w 11269336"/>
              <a:gd name="connsiteY150" fmla="*/ 2201140 h 2323145"/>
              <a:gd name="connsiteX151" fmla="*/ 4366646 w 11269336"/>
              <a:gd name="connsiteY151" fmla="*/ 2198564 h 2323145"/>
              <a:gd name="connsiteX152" fmla="*/ 4354009 w 11269336"/>
              <a:gd name="connsiteY152" fmla="*/ 2204984 h 2323145"/>
              <a:gd name="connsiteX153" fmla="*/ 4348284 w 11269336"/>
              <a:gd name="connsiteY153" fmla="*/ 2205270 h 2323145"/>
              <a:gd name="connsiteX154" fmla="*/ 4333906 w 11269336"/>
              <a:gd name="connsiteY154" fmla="*/ 2205251 h 2323145"/>
              <a:gd name="connsiteX155" fmla="*/ 4308819 w 11269336"/>
              <a:gd name="connsiteY155" fmla="*/ 2203822 h 2323145"/>
              <a:gd name="connsiteX156" fmla="*/ 4301210 w 11269336"/>
              <a:gd name="connsiteY156" fmla="*/ 2204456 h 2323145"/>
              <a:gd name="connsiteX157" fmla="*/ 4283095 w 11269336"/>
              <a:gd name="connsiteY157" fmla="*/ 2198177 h 2323145"/>
              <a:gd name="connsiteX158" fmla="*/ 4250119 w 11269336"/>
              <a:gd name="connsiteY158" fmla="*/ 2196342 h 2323145"/>
              <a:gd name="connsiteX159" fmla="*/ 4189203 w 11269336"/>
              <a:gd name="connsiteY159" fmla="*/ 2178994 h 2323145"/>
              <a:gd name="connsiteX160" fmla="*/ 4154035 w 11269336"/>
              <a:gd name="connsiteY160" fmla="*/ 2171950 h 2323145"/>
              <a:gd name="connsiteX161" fmla="*/ 4129569 w 11269336"/>
              <a:gd name="connsiteY161" fmla="*/ 2163850 h 2323145"/>
              <a:gd name="connsiteX162" fmla="*/ 4061250 w 11269336"/>
              <a:gd name="connsiteY162" fmla="*/ 2159236 h 2323145"/>
              <a:gd name="connsiteX163" fmla="*/ 3945480 w 11269336"/>
              <a:gd name="connsiteY163" fmla="*/ 2158279 h 2323145"/>
              <a:gd name="connsiteX164" fmla="*/ 3921468 w 11269336"/>
              <a:gd name="connsiteY164" fmla="*/ 2156588 h 2323145"/>
              <a:gd name="connsiteX165" fmla="*/ 3903348 w 11269336"/>
              <a:gd name="connsiteY165" fmla="*/ 2149220 h 2323145"/>
              <a:gd name="connsiteX166" fmla="*/ 3901342 w 11269336"/>
              <a:gd name="connsiteY166" fmla="*/ 2142355 h 2323145"/>
              <a:gd name="connsiteX167" fmla="*/ 3888539 w 11269336"/>
              <a:gd name="connsiteY167" fmla="*/ 2140476 h 2323145"/>
              <a:gd name="connsiteX168" fmla="*/ 3885662 w 11269336"/>
              <a:gd name="connsiteY168" fmla="*/ 2138740 h 2323145"/>
              <a:gd name="connsiteX169" fmla="*/ 3868627 w 11269336"/>
              <a:gd name="connsiteY169" fmla="*/ 2130023 h 2323145"/>
              <a:gd name="connsiteX170" fmla="*/ 3819177 w 11269336"/>
              <a:gd name="connsiteY170" fmla="*/ 2142111 h 2323145"/>
              <a:gd name="connsiteX171" fmla="*/ 3769100 w 11269336"/>
              <a:gd name="connsiteY171" fmla="*/ 2131731 h 2323145"/>
              <a:gd name="connsiteX172" fmla="*/ 3562752 w 11269336"/>
              <a:gd name="connsiteY172" fmla="*/ 2131785 h 2323145"/>
              <a:gd name="connsiteX173" fmla="*/ 3541402 w 11269336"/>
              <a:gd name="connsiteY173" fmla="*/ 2106821 h 2323145"/>
              <a:gd name="connsiteX174" fmla="*/ 3365341 w 11269336"/>
              <a:gd name="connsiteY174" fmla="*/ 2077638 h 2323145"/>
              <a:gd name="connsiteX175" fmla="*/ 3170922 w 11269336"/>
              <a:gd name="connsiteY175" fmla="*/ 2115957 h 2323145"/>
              <a:gd name="connsiteX176" fmla="*/ 3156256 w 11269336"/>
              <a:gd name="connsiteY176" fmla="*/ 2124773 h 2323145"/>
              <a:gd name="connsiteX177" fmla="*/ 3140298 w 11269336"/>
              <a:gd name="connsiteY177" fmla="*/ 2129182 h 2323145"/>
              <a:gd name="connsiteX178" fmla="*/ 3138514 w 11269336"/>
              <a:gd name="connsiteY178" fmla="*/ 2128069 h 2323145"/>
              <a:gd name="connsiteX179" fmla="*/ 3120467 w 11269336"/>
              <a:gd name="connsiteY179" fmla="*/ 2128281 h 2323145"/>
              <a:gd name="connsiteX180" fmla="*/ 3116175 w 11269336"/>
              <a:gd name="connsiteY180" fmla="*/ 2131633 h 2323145"/>
              <a:gd name="connsiteX181" fmla="*/ 3103685 w 11269336"/>
              <a:gd name="connsiteY181" fmla="*/ 2132814 h 2323145"/>
              <a:gd name="connsiteX182" fmla="*/ 3078794 w 11269336"/>
              <a:gd name="connsiteY182" fmla="*/ 2137935 h 2323145"/>
              <a:gd name="connsiteX183" fmla="*/ 3074407 w 11269336"/>
              <a:gd name="connsiteY183" fmla="*/ 2136274 h 2323145"/>
              <a:gd name="connsiteX184" fmla="*/ 3037285 w 11269336"/>
              <a:gd name="connsiteY184" fmla="*/ 2139919 h 2323145"/>
              <a:gd name="connsiteX185" fmla="*/ 3036901 w 11269336"/>
              <a:gd name="connsiteY185" fmla="*/ 2138726 h 2323145"/>
              <a:gd name="connsiteX186" fmla="*/ 3026996 w 11269336"/>
              <a:gd name="connsiteY186" fmla="*/ 2134322 h 2323145"/>
              <a:gd name="connsiteX187" fmla="*/ 3007772 w 11269336"/>
              <a:gd name="connsiteY187" fmla="*/ 2128742 h 2323145"/>
              <a:gd name="connsiteX188" fmla="*/ 2965030 w 11269336"/>
              <a:gd name="connsiteY188" fmla="*/ 2100494 h 2323145"/>
              <a:gd name="connsiteX189" fmla="*/ 2926342 w 11269336"/>
              <a:gd name="connsiteY189" fmla="*/ 2104155 h 2323145"/>
              <a:gd name="connsiteX190" fmla="*/ 2918608 w 11269336"/>
              <a:gd name="connsiteY190" fmla="*/ 2104215 h 2323145"/>
              <a:gd name="connsiteX191" fmla="*/ 2918475 w 11269336"/>
              <a:gd name="connsiteY191" fmla="*/ 2103937 h 2323145"/>
              <a:gd name="connsiteX192" fmla="*/ 2910360 w 11269336"/>
              <a:gd name="connsiteY192" fmla="*/ 2103444 h 2323145"/>
              <a:gd name="connsiteX193" fmla="*/ 2904507 w 11269336"/>
              <a:gd name="connsiteY193" fmla="*/ 2104326 h 2323145"/>
              <a:gd name="connsiteX194" fmla="*/ 2889503 w 11269336"/>
              <a:gd name="connsiteY194" fmla="*/ 2104443 h 2323145"/>
              <a:gd name="connsiteX195" fmla="*/ 2884480 w 11269336"/>
              <a:gd name="connsiteY195" fmla="*/ 2102626 h 2323145"/>
              <a:gd name="connsiteX196" fmla="*/ 2882689 w 11269336"/>
              <a:gd name="connsiteY196" fmla="*/ 2099228 h 2323145"/>
              <a:gd name="connsiteX197" fmla="*/ 2881291 w 11269336"/>
              <a:gd name="connsiteY197" fmla="*/ 2099618 h 2323145"/>
              <a:gd name="connsiteX198" fmla="*/ 2853979 w 11269336"/>
              <a:gd name="connsiteY198" fmla="*/ 2090388 h 2323145"/>
              <a:gd name="connsiteX199" fmla="*/ 2791790 w 11269336"/>
              <a:gd name="connsiteY199" fmla="*/ 2080332 h 2323145"/>
              <a:gd name="connsiteX200" fmla="*/ 2755844 w 11269336"/>
              <a:gd name="connsiteY200" fmla="*/ 2078874 h 2323145"/>
              <a:gd name="connsiteX201" fmla="*/ 2657742 w 11269336"/>
              <a:gd name="connsiteY201" fmla="*/ 2070179 h 2323145"/>
              <a:gd name="connsiteX202" fmla="*/ 2559549 w 11269336"/>
              <a:gd name="connsiteY202" fmla="*/ 2057873 h 2323145"/>
              <a:gd name="connsiteX203" fmla="*/ 2512054 w 11269336"/>
              <a:gd name="connsiteY203" fmla="*/ 2031671 h 2323145"/>
              <a:gd name="connsiteX204" fmla="*/ 2506437 w 11269336"/>
              <a:gd name="connsiteY204" fmla="*/ 2030918 h 2323145"/>
              <a:gd name="connsiteX205" fmla="*/ 2491752 w 11269336"/>
              <a:gd name="connsiteY205" fmla="*/ 2033906 h 2323145"/>
              <a:gd name="connsiteX206" fmla="*/ 2486338 w 11269336"/>
              <a:gd name="connsiteY206" fmla="*/ 2035862 h 2323145"/>
              <a:gd name="connsiteX207" fmla="*/ 2478186 w 11269336"/>
              <a:gd name="connsiteY207" fmla="*/ 2036953 h 2323145"/>
              <a:gd name="connsiteX208" fmla="*/ 2477950 w 11269336"/>
              <a:gd name="connsiteY208" fmla="*/ 2036715 h 2323145"/>
              <a:gd name="connsiteX209" fmla="*/ 2470381 w 11269336"/>
              <a:gd name="connsiteY209" fmla="*/ 2038256 h 2323145"/>
              <a:gd name="connsiteX210" fmla="*/ 2433781 w 11269336"/>
              <a:gd name="connsiteY210" fmla="*/ 2049140 h 2323145"/>
              <a:gd name="connsiteX211" fmla="*/ 2381172 w 11269336"/>
              <a:gd name="connsiteY211" fmla="*/ 2030645 h 2323145"/>
              <a:gd name="connsiteX212" fmla="*/ 2360198 w 11269336"/>
              <a:gd name="connsiteY212" fmla="*/ 2029059 h 2323145"/>
              <a:gd name="connsiteX213" fmla="*/ 2348815 w 11269336"/>
              <a:gd name="connsiteY213" fmla="*/ 2026798 h 2323145"/>
              <a:gd name="connsiteX214" fmla="*/ 2347988 w 11269336"/>
              <a:gd name="connsiteY214" fmla="*/ 2025745 h 2323145"/>
              <a:gd name="connsiteX215" fmla="*/ 2312920 w 11269336"/>
              <a:gd name="connsiteY215" fmla="*/ 2036311 h 2323145"/>
              <a:gd name="connsiteX216" fmla="*/ 2307986 w 11269336"/>
              <a:gd name="connsiteY216" fmla="*/ 2035583 h 2323145"/>
              <a:gd name="connsiteX217" fmla="*/ 2285481 w 11269336"/>
              <a:gd name="connsiteY217" fmla="*/ 2045197 h 2323145"/>
              <a:gd name="connsiteX218" fmla="*/ 2273666 w 11269336"/>
              <a:gd name="connsiteY218" fmla="*/ 2048710 h 2323145"/>
              <a:gd name="connsiteX219" fmla="*/ 2270719 w 11269336"/>
              <a:gd name="connsiteY219" fmla="*/ 2052702 h 2323145"/>
              <a:gd name="connsiteX220" fmla="*/ 2253080 w 11269336"/>
              <a:gd name="connsiteY220" fmla="*/ 2056363 h 2323145"/>
              <a:gd name="connsiteX221" fmla="*/ 2250906 w 11269336"/>
              <a:gd name="connsiteY221" fmla="*/ 2055654 h 2323145"/>
              <a:gd name="connsiteX222" fmla="*/ 2236905 w 11269336"/>
              <a:gd name="connsiteY222" fmla="*/ 2062882 h 2323145"/>
              <a:gd name="connsiteX223" fmla="*/ 2225830 w 11269336"/>
              <a:gd name="connsiteY223" fmla="*/ 2074027 h 2323145"/>
              <a:gd name="connsiteX224" fmla="*/ 2073776 w 11269336"/>
              <a:gd name="connsiteY224" fmla="*/ 2089244 h 2323145"/>
              <a:gd name="connsiteX225" fmla="*/ 1948256 w 11269336"/>
              <a:gd name="connsiteY225" fmla="*/ 2146616 h 2323145"/>
              <a:gd name="connsiteX226" fmla="*/ 1865582 w 11269336"/>
              <a:gd name="connsiteY226" fmla="*/ 2153738 h 2323145"/>
              <a:gd name="connsiteX227" fmla="*/ 1835210 w 11269336"/>
              <a:gd name="connsiteY227" fmla="*/ 2134244 h 2323145"/>
              <a:gd name="connsiteX228" fmla="*/ 1632661 w 11269336"/>
              <a:gd name="connsiteY228" fmla="*/ 2173882 h 2323145"/>
              <a:gd name="connsiteX229" fmla="*/ 1579590 w 11269336"/>
              <a:gd name="connsiteY229" fmla="*/ 2173680 h 2323145"/>
              <a:gd name="connsiteX230" fmla="*/ 1535601 w 11269336"/>
              <a:gd name="connsiteY230" fmla="*/ 2194590 h 2323145"/>
              <a:gd name="connsiteX231" fmla="*/ 1515594 w 11269336"/>
              <a:gd name="connsiteY231" fmla="*/ 2189622 h 2323145"/>
              <a:gd name="connsiteX232" fmla="*/ 1512113 w 11269336"/>
              <a:gd name="connsiteY232" fmla="*/ 2188534 h 2323145"/>
              <a:gd name="connsiteX233" fmla="*/ 1498838 w 11269336"/>
              <a:gd name="connsiteY233" fmla="*/ 2189213 h 2323145"/>
              <a:gd name="connsiteX234" fmla="*/ 1494279 w 11269336"/>
              <a:gd name="connsiteY234" fmla="*/ 2183112 h 2323145"/>
              <a:gd name="connsiteX235" fmla="*/ 1473714 w 11269336"/>
              <a:gd name="connsiteY235" fmla="*/ 2179625 h 2323145"/>
              <a:gd name="connsiteX236" fmla="*/ 1449503 w 11269336"/>
              <a:gd name="connsiteY236" fmla="*/ 2182633 h 2323145"/>
              <a:gd name="connsiteX237" fmla="*/ 1266687 w 11269336"/>
              <a:gd name="connsiteY237" fmla="*/ 2212688 h 2323145"/>
              <a:gd name="connsiteX238" fmla="*/ 1239614 w 11269336"/>
              <a:gd name="connsiteY238" fmla="*/ 2209727 h 2323145"/>
              <a:gd name="connsiteX239" fmla="*/ 1202436 w 11269336"/>
              <a:gd name="connsiteY239" fmla="*/ 2209817 h 2323145"/>
              <a:gd name="connsiteX240" fmla="*/ 1136097 w 11269336"/>
              <a:gd name="connsiteY240" fmla="*/ 2205112 h 2323145"/>
              <a:gd name="connsiteX241" fmla="*/ 988232 w 11269336"/>
              <a:gd name="connsiteY241" fmla="*/ 2235635 h 2323145"/>
              <a:gd name="connsiteX242" fmla="*/ 981959 w 11269336"/>
              <a:gd name="connsiteY242" fmla="*/ 2231607 h 2323145"/>
              <a:gd name="connsiteX243" fmla="*/ 938600 w 11269336"/>
              <a:gd name="connsiteY243" fmla="*/ 2238113 h 2323145"/>
              <a:gd name="connsiteX244" fmla="*/ 791788 w 11269336"/>
              <a:gd name="connsiteY244" fmla="*/ 2293224 h 2323145"/>
              <a:gd name="connsiteX245" fmla="*/ 706914 w 11269336"/>
              <a:gd name="connsiteY245" fmla="*/ 2305046 h 2323145"/>
              <a:gd name="connsiteX246" fmla="*/ 675971 w 11269336"/>
              <a:gd name="connsiteY246" fmla="*/ 2304030 h 2323145"/>
              <a:gd name="connsiteX247" fmla="*/ 624180 w 11269336"/>
              <a:gd name="connsiteY247" fmla="*/ 2302650 h 2323145"/>
              <a:gd name="connsiteX248" fmla="*/ 583453 w 11269336"/>
              <a:gd name="connsiteY248" fmla="*/ 2288788 h 2323145"/>
              <a:gd name="connsiteX249" fmla="*/ 540946 w 11269336"/>
              <a:gd name="connsiteY249" fmla="*/ 2292721 h 2323145"/>
              <a:gd name="connsiteX250" fmla="*/ 533680 w 11269336"/>
              <a:gd name="connsiteY250" fmla="*/ 2310233 h 2323145"/>
              <a:gd name="connsiteX251" fmla="*/ 487366 w 11269336"/>
              <a:gd name="connsiteY251" fmla="*/ 2309053 h 2323145"/>
              <a:gd name="connsiteX252" fmla="*/ 416820 w 11269336"/>
              <a:gd name="connsiteY252" fmla="*/ 2305443 h 2323145"/>
              <a:gd name="connsiteX253" fmla="*/ 376805 w 11269336"/>
              <a:gd name="connsiteY253" fmla="*/ 2307647 h 2323145"/>
              <a:gd name="connsiteX254" fmla="*/ 266777 w 11269336"/>
              <a:gd name="connsiteY254" fmla="*/ 2309012 h 2323145"/>
              <a:gd name="connsiteX255" fmla="*/ 156013 w 11269336"/>
              <a:gd name="connsiteY255" fmla="*/ 2306832 h 2323145"/>
              <a:gd name="connsiteX256" fmla="*/ 87258 w 11269336"/>
              <a:gd name="connsiteY256" fmla="*/ 2285511 h 2323145"/>
              <a:gd name="connsiteX257" fmla="*/ 23798 w 11269336"/>
              <a:gd name="connsiteY257" fmla="*/ 2281822 h 2323145"/>
              <a:gd name="connsiteX258" fmla="*/ 0 w 11269336"/>
              <a:gd name="connsiteY258" fmla="*/ 2285369 h 2323145"/>
              <a:gd name="connsiteX259" fmla="*/ 0 w 11269336"/>
              <a:gd name="connsiteY259"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83151 w 11269336"/>
              <a:gd name="connsiteY149" fmla="*/ 2201140 h 2323145"/>
              <a:gd name="connsiteX150" fmla="*/ 4366646 w 11269336"/>
              <a:gd name="connsiteY150" fmla="*/ 2198564 h 2323145"/>
              <a:gd name="connsiteX151" fmla="*/ 4354009 w 11269336"/>
              <a:gd name="connsiteY151" fmla="*/ 2204984 h 2323145"/>
              <a:gd name="connsiteX152" fmla="*/ 4348284 w 11269336"/>
              <a:gd name="connsiteY152" fmla="*/ 2205270 h 2323145"/>
              <a:gd name="connsiteX153" fmla="*/ 4333906 w 11269336"/>
              <a:gd name="connsiteY153" fmla="*/ 2205251 h 2323145"/>
              <a:gd name="connsiteX154" fmla="*/ 4308819 w 11269336"/>
              <a:gd name="connsiteY154" fmla="*/ 2203822 h 2323145"/>
              <a:gd name="connsiteX155" fmla="*/ 4301210 w 11269336"/>
              <a:gd name="connsiteY155" fmla="*/ 2204456 h 2323145"/>
              <a:gd name="connsiteX156" fmla="*/ 4283095 w 11269336"/>
              <a:gd name="connsiteY156" fmla="*/ 2198177 h 2323145"/>
              <a:gd name="connsiteX157" fmla="*/ 4250119 w 11269336"/>
              <a:gd name="connsiteY157" fmla="*/ 2196342 h 2323145"/>
              <a:gd name="connsiteX158" fmla="*/ 4189203 w 11269336"/>
              <a:gd name="connsiteY158" fmla="*/ 2178994 h 2323145"/>
              <a:gd name="connsiteX159" fmla="*/ 4154035 w 11269336"/>
              <a:gd name="connsiteY159" fmla="*/ 2171950 h 2323145"/>
              <a:gd name="connsiteX160" fmla="*/ 4129569 w 11269336"/>
              <a:gd name="connsiteY160" fmla="*/ 2163850 h 2323145"/>
              <a:gd name="connsiteX161" fmla="*/ 4061250 w 11269336"/>
              <a:gd name="connsiteY161" fmla="*/ 2159236 h 2323145"/>
              <a:gd name="connsiteX162" fmla="*/ 3945480 w 11269336"/>
              <a:gd name="connsiteY162" fmla="*/ 2158279 h 2323145"/>
              <a:gd name="connsiteX163" fmla="*/ 3921468 w 11269336"/>
              <a:gd name="connsiteY163" fmla="*/ 2156588 h 2323145"/>
              <a:gd name="connsiteX164" fmla="*/ 3903348 w 11269336"/>
              <a:gd name="connsiteY164" fmla="*/ 2149220 h 2323145"/>
              <a:gd name="connsiteX165" fmla="*/ 3901342 w 11269336"/>
              <a:gd name="connsiteY165" fmla="*/ 2142355 h 2323145"/>
              <a:gd name="connsiteX166" fmla="*/ 3888539 w 11269336"/>
              <a:gd name="connsiteY166" fmla="*/ 2140476 h 2323145"/>
              <a:gd name="connsiteX167" fmla="*/ 3885662 w 11269336"/>
              <a:gd name="connsiteY167" fmla="*/ 2138740 h 2323145"/>
              <a:gd name="connsiteX168" fmla="*/ 3868627 w 11269336"/>
              <a:gd name="connsiteY168" fmla="*/ 2130023 h 2323145"/>
              <a:gd name="connsiteX169" fmla="*/ 3819177 w 11269336"/>
              <a:gd name="connsiteY169" fmla="*/ 2142111 h 2323145"/>
              <a:gd name="connsiteX170" fmla="*/ 3769100 w 11269336"/>
              <a:gd name="connsiteY170" fmla="*/ 2131731 h 2323145"/>
              <a:gd name="connsiteX171" fmla="*/ 3562752 w 11269336"/>
              <a:gd name="connsiteY171" fmla="*/ 2131785 h 2323145"/>
              <a:gd name="connsiteX172" fmla="*/ 3541402 w 11269336"/>
              <a:gd name="connsiteY172" fmla="*/ 2106821 h 2323145"/>
              <a:gd name="connsiteX173" fmla="*/ 3365341 w 11269336"/>
              <a:gd name="connsiteY173" fmla="*/ 2077638 h 2323145"/>
              <a:gd name="connsiteX174" fmla="*/ 3170922 w 11269336"/>
              <a:gd name="connsiteY174" fmla="*/ 2115957 h 2323145"/>
              <a:gd name="connsiteX175" fmla="*/ 3156256 w 11269336"/>
              <a:gd name="connsiteY175" fmla="*/ 2124773 h 2323145"/>
              <a:gd name="connsiteX176" fmla="*/ 3140298 w 11269336"/>
              <a:gd name="connsiteY176" fmla="*/ 2129182 h 2323145"/>
              <a:gd name="connsiteX177" fmla="*/ 3138514 w 11269336"/>
              <a:gd name="connsiteY177" fmla="*/ 2128069 h 2323145"/>
              <a:gd name="connsiteX178" fmla="*/ 3120467 w 11269336"/>
              <a:gd name="connsiteY178" fmla="*/ 2128281 h 2323145"/>
              <a:gd name="connsiteX179" fmla="*/ 3116175 w 11269336"/>
              <a:gd name="connsiteY179" fmla="*/ 2131633 h 2323145"/>
              <a:gd name="connsiteX180" fmla="*/ 3103685 w 11269336"/>
              <a:gd name="connsiteY180" fmla="*/ 2132814 h 2323145"/>
              <a:gd name="connsiteX181" fmla="*/ 3078794 w 11269336"/>
              <a:gd name="connsiteY181" fmla="*/ 2137935 h 2323145"/>
              <a:gd name="connsiteX182" fmla="*/ 3074407 w 11269336"/>
              <a:gd name="connsiteY182" fmla="*/ 2136274 h 2323145"/>
              <a:gd name="connsiteX183" fmla="*/ 3037285 w 11269336"/>
              <a:gd name="connsiteY183" fmla="*/ 2139919 h 2323145"/>
              <a:gd name="connsiteX184" fmla="*/ 3036901 w 11269336"/>
              <a:gd name="connsiteY184" fmla="*/ 2138726 h 2323145"/>
              <a:gd name="connsiteX185" fmla="*/ 3026996 w 11269336"/>
              <a:gd name="connsiteY185" fmla="*/ 2134322 h 2323145"/>
              <a:gd name="connsiteX186" fmla="*/ 3007772 w 11269336"/>
              <a:gd name="connsiteY186" fmla="*/ 2128742 h 2323145"/>
              <a:gd name="connsiteX187" fmla="*/ 2965030 w 11269336"/>
              <a:gd name="connsiteY187" fmla="*/ 2100494 h 2323145"/>
              <a:gd name="connsiteX188" fmla="*/ 2926342 w 11269336"/>
              <a:gd name="connsiteY188" fmla="*/ 2104155 h 2323145"/>
              <a:gd name="connsiteX189" fmla="*/ 2918608 w 11269336"/>
              <a:gd name="connsiteY189" fmla="*/ 2104215 h 2323145"/>
              <a:gd name="connsiteX190" fmla="*/ 2918475 w 11269336"/>
              <a:gd name="connsiteY190" fmla="*/ 2103937 h 2323145"/>
              <a:gd name="connsiteX191" fmla="*/ 2910360 w 11269336"/>
              <a:gd name="connsiteY191" fmla="*/ 2103444 h 2323145"/>
              <a:gd name="connsiteX192" fmla="*/ 2904507 w 11269336"/>
              <a:gd name="connsiteY192" fmla="*/ 2104326 h 2323145"/>
              <a:gd name="connsiteX193" fmla="*/ 2889503 w 11269336"/>
              <a:gd name="connsiteY193" fmla="*/ 2104443 h 2323145"/>
              <a:gd name="connsiteX194" fmla="*/ 2884480 w 11269336"/>
              <a:gd name="connsiteY194" fmla="*/ 2102626 h 2323145"/>
              <a:gd name="connsiteX195" fmla="*/ 2882689 w 11269336"/>
              <a:gd name="connsiteY195" fmla="*/ 2099228 h 2323145"/>
              <a:gd name="connsiteX196" fmla="*/ 2881291 w 11269336"/>
              <a:gd name="connsiteY196" fmla="*/ 2099618 h 2323145"/>
              <a:gd name="connsiteX197" fmla="*/ 2853979 w 11269336"/>
              <a:gd name="connsiteY197" fmla="*/ 2090388 h 2323145"/>
              <a:gd name="connsiteX198" fmla="*/ 2791790 w 11269336"/>
              <a:gd name="connsiteY198" fmla="*/ 2080332 h 2323145"/>
              <a:gd name="connsiteX199" fmla="*/ 2755844 w 11269336"/>
              <a:gd name="connsiteY199" fmla="*/ 2078874 h 2323145"/>
              <a:gd name="connsiteX200" fmla="*/ 2657742 w 11269336"/>
              <a:gd name="connsiteY200" fmla="*/ 2070179 h 2323145"/>
              <a:gd name="connsiteX201" fmla="*/ 2559549 w 11269336"/>
              <a:gd name="connsiteY201" fmla="*/ 2057873 h 2323145"/>
              <a:gd name="connsiteX202" fmla="*/ 2512054 w 11269336"/>
              <a:gd name="connsiteY202" fmla="*/ 2031671 h 2323145"/>
              <a:gd name="connsiteX203" fmla="*/ 2506437 w 11269336"/>
              <a:gd name="connsiteY203" fmla="*/ 2030918 h 2323145"/>
              <a:gd name="connsiteX204" fmla="*/ 2491752 w 11269336"/>
              <a:gd name="connsiteY204" fmla="*/ 2033906 h 2323145"/>
              <a:gd name="connsiteX205" fmla="*/ 2486338 w 11269336"/>
              <a:gd name="connsiteY205" fmla="*/ 2035862 h 2323145"/>
              <a:gd name="connsiteX206" fmla="*/ 2478186 w 11269336"/>
              <a:gd name="connsiteY206" fmla="*/ 2036953 h 2323145"/>
              <a:gd name="connsiteX207" fmla="*/ 2477950 w 11269336"/>
              <a:gd name="connsiteY207" fmla="*/ 2036715 h 2323145"/>
              <a:gd name="connsiteX208" fmla="*/ 2470381 w 11269336"/>
              <a:gd name="connsiteY208" fmla="*/ 2038256 h 2323145"/>
              <a:gd name="connsiteX209" fmla="*/ 2433781 w 11269336"/>
              <a:gd name="connsiteY209" fmla="*/ 2049140 h 2323145"/>
              <a:gd name="connsiteX210" fmla="*/ 2381172 w 11269336"/>
              <a:gd name="connsiteY210" fmla="*/ 2030645 h 2323145"/>
              <a:gd name="connsiteX211" fmla="*/ 2360198 w 11269336"/>
              <a:gd name="connsiteY211" fmla="*/ 2029059 h 2323145"/>
              <a:gd name="connsiteX212" fmla="*/ 2348815 w 11269336"/>
              <a:gd name="connsiteY212" fmla="*/ 2026798 h 2323145"/>
              <a:gd name="connsiteX213" fmla="*/ 2347988 w 11269336"/>
              <a:gd name="connsiteY213" fmla="*/ 2025745 h 2323145"/>
              <a:gd name="connsiteX214" fmla="*/ 2312920 w 11269336"/>
              <a:gd name="connsiteY214" fmla="*/ 2036311 h 2323145"/>
              <a:gd name="connsiteX215" fmla="*/ 2307986 w 11269336"/>
              <a:gd name="connsiteY215" fmla="*/ 2035583 h 2323145"/>
              <a:gd name="connsiteX216" fmla="*/ 2285481 w 11269336"/>
              <a:gd name="connsiteY216" fmla="*/ 2045197 h 2323145"/>
              <a:gd name="connsiteX217" fmla="*/ 2273666 w 11269336"/>
              <a:gd name="connsiteY217" fmla="*/ 2048710 h 2323145"/>
              <a:gd name="connsiteX218" fmla="*/ 2270719 w 11269336"/>
              <a:gd name="connsiteY218" fmla="*/ 2052702 h 2323145"/>
              <a:gd name="connsiteX219" fmla="*/ 2253080 w 11269336"/>
              <a:gd name="connsiteY219" fmla="*/ 2056363 h 2323145"/>
              <a:gd name="connsiteX220" fmla="*/ 2250906 w 11269336"/>
              <a:gd name="connsiteY220" fmla="*/ 2055654 h 2323145"/>
              <a:gd name="connsiteX221" fmla="*/ 2236905 w 11269336"/>
              <a:gd name="connsiteY221" fmla="*/ 2062882 h 2323145"/>
              <a:gd name="connsiteX222" fmla="*/ 2225830 w 11269336"/>
              <a:gd name="connsiteY222" fmla="*/ 2074027 h 2323145"/>
              <a:gd name="connsiteX223" fmla="*/ 2073776 w 11269336"/>
              <a:gd name="connsiteY223" fmla="*/ 2089244 h 2323145"/>
              <a:gd name="connsiteX224" fmla="*/ 1948256 w 11269336"/>
              <a:gd name="connsiteY224" fmla="*/ 2146616 h 2323145"/>
              <a:gd name="connsiteX225" fmla="*/ 1865582 w 11269336"/>
              <a:gd name="connsiteY225" fmla="*/ 2153738 h 2323145"/>
              <a:gd name="connsiteX226" fmla="*/ 1835210 w 11269336"/>
              <a:gd name="connsiteY226" fmla="*/ 2134244 h 2323145"/>
              <a:gd name="connsiteX227" fmla="*/ 1632661 w 11269336"/>
              <a:gd name="connsiteY227" fmla="*/ 2173882 h 2323145"/>
              <a:gd name="connsiteX228" fmla="*/ 1579590 w 11269336"/>
              <a:gd name="connsiteY228" fmla="*/ 2173680 h 2323145"/>
              <a:gd name="connsiteX229" fmla="*/ 1535601 w 11269336"/>
              <a:gd name="connsiteY229" fmla="*/ 2194590 h 2323145"/>
              <a:gd name="connsiteX230" fmla="*/ 1515594 w 11269336"/>
              <a:gd name="connsiteY230" fmla="*/ 2189622 h 2323145"/>
              <a:gd name="connsiteX231" fmla="*/ 1512113 w 11269336"/>
              <a:gd name="connsiteY231" fmla="*/ 2188534 h 2323145"/>
              <a:gd name="connsiteX232" fmla="*/ 1498838 w 11269336"/>
              <a:gd name="connsiteY232" fmla="*/ 2189213 h 2323145"/>
              <a:gd name="connsiteX233" fmla="*/ 1494279 w 11269336"/>
              <a:gd name="connsiteY233" fmla="*/ 2183112 h 2323145"/>
              <a:gd name="connsiteX234" fmla="*/ 1473714 w 11269336"/>
              <a:gd name="connsiteY234" fmla="*/ 2179625 h 2323145"/>
              <a:gd name="connsiteX235" fmla="*/ 1449503 w 11269336"/>
              <a:gd name="connsiteY235" fmla="*/ 2182633 h 2323145"/>
              <a:gd name="connsiteX236" fmla="*/ 1266687 w 11269336"/>
              <a:gd name="connsiteY236" fmla="*/ 2212688 h 2323145"/>
              <a:gd name="connsiteX237" fmla="*/ 1239614 w 11269336"/>
              <a:gd name="connsiteY237" fmla="*/ 2209727 h 2323145"/>
              <a:gd name="connsiteX238" fmla="*/ 1202436 w 11269336"/>
              <a:gd name="connsiteY238" fmla="*/ 2209817 h 2323145"/>
              <a:gd name="connsiteX239" fmla="*/ 1136097 w 11269336"/>
              <a:gd name="connsiteY239" fmla="*/ 2205112 h 2323145"/>
              <a:gd name="connsiteX240" fmla="*/ 988232 w 11269336"/>
              <a:gd name="connsiteY240" fmla="*/ 2235635 h 2323145"/>
              <a:gd name="connsiteX241" fmla="*/ 981959 w 11269336"/>
              <a:gd name="connsiteY241" fmla="*/ 2231607 h 2323145"/>
              <a:gd name="connsiteX242" fmla="*/ 938600 w 11269336"/>
              <a:gd name="connsiteY242" fmla="*/ 2238113 h 2323145"/>
              <a:gd name="connsiteX243" fmla="*/ 791788 w 11269336"/>
              <a:gd name="connsiteY243" fmla="*/ 2293224 h 2323145"/>
              <a:gd name="connsiteX244" fmla="*/ 706914 w 11269336"/>
              <a:gd name="connsiteY244" fmla="*/ 2305046 h 2323145"/>
              <a:gd name="connsiteX245" fmla="*/ 675971 w 11269336"/>
              <a:gd name="connsiteY245" fmla="*/ 2304030 h 2323145"/>
              <a:gd name="connsiteX246" fmla="*/ 624180 w 11269336"/>
              <a:gd name="connsiteY246" fmla="*/ 2302650 h 2323145"/>
              <a:gd name="connsiteX247" fmla="*/ 583453 w 11269336"/>
              <a:gd name="connsiteY247" fmla="*/ 2288788 h 2323145"/>
              <a:gd name="connsiteX248" fmla="*/ 540946 w 11269336"/>
              <a:gd name="connsiteY248" fmla="*/ 2292721 h 2323145"/>
              <a:gd name="connsiteX249" fmla="*/ 533680 w 11269336"/>
              <a:gd name="connsiteY249" fmla="*/ 2310233 h 2323145"/>
              <a:gd name="connsiteX250" fmla="*/ 487366 w 11269336"/>
              <a:gd name="connsiteY250" fmla="*/ 2309053 h 2323145"/>
              <a:gd name="connsiteX251" fmla="*/ 416820 w 11269336"/>
              <a:gd name="connsiteY251" fmla="*/ 2305443 h 2323145"/>
              <a:gd name="connsiteX252" fmla="*/ 376805 w 11269336"/>
              <a:gd name="connsiteY252" fmla="*/ 2307647 h 2323145"/>
              <a:gd name="connsiteX253" fmla="*/ 266777 w 11269336"/>
              <a:gd name="connsiteY253" fmla="*/ 2309012 h 2323145"/>
              <a:gd name="connsiteX254" fmla="*/ 156013 w 11269336"/>
              <a:gd name="connsiteY254" fmla="*/ 2306832 h 2323145"/>
              <a:gd name="connsiteX255" fmla="*/ 87258 w 11269336"/>
              <a:gd name="connsiteY255" fmla="*/ 2285511 h 2323145"/>
              <a:gd name="connsiteX256" fmla="*/ 23798 w 11269336"/>
              <a:gd name="connsiteY256" fmla="*/ 2281822 h 2323145"/>
              <a:gd name="connsiteX257" fmla="*/ 0 w 11269336"/>
              <a:gd name="connsiteY257" fmla="*/ 2285369 h 2323145"/>
              <a:gd name="connsiteX258" fmla="*/ 0 w 11269336"/>
              <a:gd name="connsiteY258"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20601 w 11269336"/>
              <a:gd name="connsiteY146" fmla="*/ 2205158 h 2323145"/>
              <a:gd name="connsiteX147" fmla="*/ 4405765 w 11269336"/>
              <a:gd name="connsiteY147" fmla="*/ 2199902 h 2323145"/>
              <a:gd name="connsiteX148" fmla="*/ 4401354 w 11269336"/>
              <a:gd name="connsiteY148" fmla="*/ 2194745 h 2323145"/>
              <a:gd name="connsiteX149" fmla="*/ 4366646 w 11269336"/>
              <a:gd name="connsiteY149" fmla="*/ 2198564 h 2323145"/>
              <a:gd name="connsiteX150" fmla="*/ 4354009 w 11269336"/>
              <a:gd name="connsiteY150" fmla="*/ 2204984 h 2323145"/>
              <a:gd name="connsiteX151" fmla="*/ 4348284 w 11269336"/>
              <a:gd name="connsiteY151" fmla="*/ 2205270 h 2323145"/>
              <a:gd name="connsiteX152" fmla="*/ 4333906 w 11269336"/>
              <a:gd name="connsiteY152" fmla="*/ 2205251 h 2323145"/>
              <a:gd name="connsiteX153" fmla="*/ 4308819 w 11269336"/>
              <a:gd name="connsiteY153" fmla="*/ 2203822 h 2323145"/>
              <a:gd name="connsiteX154" fmla="*/ 4301210 w 11269336"/>
              <a:gd name="connsiteY154" fmla="*/ 2204456 h 2323145"/>
              <a:gd name="connsiteX155" fmla="*/ 4283095 w 11269336"/>
              <a:gd name="connsiteY155" fmla="*/ 2198177 h 2323145"/>
              <a:gd name="connsiteX156" fmla="*/ 4250119 w 11269336"/>
              <a:gd name="connsiteY156" fmla="*/ 2196342 h 2323145"/>
              <a:gd name="connsiteX157" fmla="*/ 4189203 w 11269336"/>
              <a:gd name="connsiteY157" fmla="*/ 2178994 h 2323145"/>
              <a:gd name="connsiteX158" fmla="*/ 4154035 w 11269336"/>
              <a:gd name="connsiteY158" fmla="*/ 2171950 h 2323145"/>
              <a:gd name="connsiteX159" fmla="*/ 4129569 w 11269336"/>
              <a:gd name="connsiteY159" fmla="*/ 2163850 h 2323145"/>
              <a:gd name="connsiteX160" fmla="*/ 4061250 w 11269336"/>
              <a:gd name="connsiteY160" fmla="*/ 2159236 h 2323145"/>
              <a:gd name="connsiteX161" fmla="*/ 3945480 w 11269336"/>
              <a:gd name="connsiteY161" fmla="*/ 2158279 h 2323145"/>
              <a:gd name="connsiteX162" fmla="*/ 3921468 w 11269336"/>
              <a:gd name="connsiteY162" fmla="*/ 2156588 h 2323145"/>
              <a:gd name="connsiteX163" fmla="*/ 3903348 w 11269336"/>
              <a:gd name="connsiteY163" fmla="*/ 2149220 h 2323145"/>
              <a:gd name="connsiteX164" fmla="*/ 3901342 w 11269336"/>
              <a:gd name="connsiteY164" fmla="*/ 2142355 h 2323145"/>
              <a:gd name="connsiteX165" fmla="*/ 3888539 w 11269336"/>
              <a:gd name="connsiteY165" fmla="*/ 2140476 h 2323145"/>
              <a:gd name="connsiteX166" fmla="*/ 3885662 w 11269336"/>
              <a:gd name="connsiteY166" fmla="*/ 2138740 h 2323145"/>
              <a:gd name="connsiteX167" fmla="*/ 3868627 w 11269336"/>
              <a:gd name="connsiteY167" fmla="*/ 2130023 h 2323145"/>
              <a:gd name="connsiteX168" fmla="*/ 3819177 w 11269336"/>
              <a:gd name="connsiteY168" fmla="*/ 2142111 h 2323145"/>
              <a:gd name="connsiteX169" fmla="*/ 3769100 w 11269336"/>
              <a:gd name="connsiteY169" fmla="*/ 2131731 h 2323145"/>
              <a:gd name="connsiteX170" fmla="*/ 3562752 w 11269336"/>
              <a:gd name="connsiteY170" fmla="*/ 2131785 h 2323145"/>
              <a:gd name="connsiteX171" fmla="*/ 3541402 w 11269336"/>
              <a:gd name="connsiteY171" fmla="*/ 2106821 h 2323145"/>
              <a:gd name="connsiteX172" fmla="*/ 3365341 w 11269336"/>
              <a:gd name="connsiteY172" fmla="*/ 2077638 h 2323145"/>
              <a:gd name="connsiteX173" fmla="*/ 3170922 w 11269336"/>
              <a:gd name="connsiteY173" fmla="*/ 2115957 h 2323145"/>
              <a:gd name="connsiteX174" fmla="*/ 3156256 w 11269336"/>
              <a:gd name="connsiteY174" fmla="*/ 2124773 h 2323145"/>
              <a:gd name="connsiteX175" fmla="*/ 3140298 w 11269336"/>
              <a:gd name="connsiteY175" fmla="*/ 2129182 h 2323145"/>
              <a:gd name="connsiteX176" fmla="*/ 3138514 w 11269336"/>
              <a:gd name="connsiteY176" fmla="*/ 2128069 h 2323145"/>
              <a:gd name="connsiteX177" fmla="*/ 3120467 w 11269336"/>
              <a:gd name="connsiteY177" fmla="*/ 2128281 h 2323145"/>
              <a:gd name="connsiteX178" fmla="*/ 3116175 w 11269336"/>
              <a:gd name="connsiteY178" fmla="*/ 2131633 h 2323145"/>
              <a:gd name="connsiteX179" fmla="*/ 3103685 w 11269336"/>
              <a:gd name="connsiteY179" fmla="*/ 2132814 h 2323145"/>
              <a:gd name="connsiteX180" fmla="*/ 3078794 w 11269336"/>
              <a:gd name="connsiteY180" fmla="*/ 2137935 h 2323145"/>
              <a:gd name="connsiteX181" fmla="*/ 3074407 w 11269336"/>
              <a:gd name="connsiteY181" fmla="*/ 2136274 h 2323145"/>
              <a:gd name="connsiteX182" fmla="*/ 3037285 w 11269336"/>
              <a:gd name="connsiteY182" fmla="*/ 2139919 h 2323145"/>
              <a:gd name="connsiteX183" fmla="*/ 3036901 w 11269336"/>
              <a:gd name="connsiteY183" fmla="*/ 2138726 h 2323145"/>
              <a:gd name="connsiteX184" fmla="*/ 3026996 w 11269336"/>
              <a:gd name="connsiteY184" fmla="*/ 2134322 h 2323145"/>
              <a:gd name="connsiteX185" fmla="*/ 3007772 w 11269336"/>
              <a:gd name="connsiteY185" fmla="*/ 2128742 h 2323145"/>
              <a:gd name="connsiteX186" fmla="*/ 2965030 w 11269336"/>
              <a:gd name="connsiteY186" fmla="*/ 2100494 h 2323145"/>
              <a:gd name="connsiteX187" fmla="*/ 2926342 w 11269336"/>
              <a:gd name="connsiteY187" fmla="*/ 2104155 h 2323145"/>
              <a:gd name="connsiteX188" fmla="*/ 2918608 w 11269336"/>
              <a:gd name="connsiteY188" fmla="*/ 2104215 h 2323145"/>
              <a:gd name="connsiteX189" fmla="*/ 2918475 w 11269336"/>
              <a:gd name="connsiteY189" fmla="*/ 2103937 h 2323145"/>
              <a:gd name="connsiteX190" fmla="*/ 2910360 w 11269336"/>
              <a:gd name="connsiteY190" fmla="*/ 2103444 h 2323145"/>
              <a:gd name="connsiteX191" fmla="*/ 2904507 w 11269336"/>
              <a:gd name="connsiteY191" fmla="*/ 2104326 h 2323145"/>
              <a:gd name="connsiteX192" fmla="*/ 2889503 w 11269336"/>
              <a:gd name="connsiteY192" fmla="*/ 2104443 h 2323145"/>
              <a:gd name="connsiteX193" fmla="*/ 2884480 w 11269336"/>
              <a:gd name="connsiteY193" fmla="*/ 2102626 h 2323145"/>
              <a:gd name="connsiteX194" fmla="*/ 2882689 w 11269336"/>
              <a:gd name="connsiteY194" fmla="*/ 2099228 h 2323145"/>
              <a:gd name="connsiteX195" fmla="*/ 2881291 w 11269336"/>
              <a:gd name="connsiteY195" fmla="*/ 2099618 h 2323145"/>
              <a:gd name="connsiteX196" fmla="*/ 2853979 w 11269336"/>
              <a:gd name="connsiteY196" fmla="*/ 2090388 h 2323145"/>
              <a:gd name="connsiteX197" fmla="*/ 2791790 w 11269336"/>
              <a:gd name="connsiteY197" fmla="*/ 2080332 h 2323145"/>
              <a:gd name="connsiteX198" fmla="*/ 2755844 w 11269336"/>
              <a:gd name="connsiteY198" fmla="*/ 2078874 h 2323145"/>
              <a:gd name="connsiteX199" fmla="*/ 2657742 w 11269336"/>
              <a:gd name="connsiteY199" fmla="*/ 2070179 h 2323145"/>
              <a:gd name="connsiteX200" fmla="*/ 2559549 w 11269336"/>
              <a:gd name="connsiteY200" fmla="*/ 2057873 h 2323145"/>
              <a:gd name="connsiteX201" fmla="*/ 2512054 w 11269336"/>
              <a:gd name="connsiteY201" fmla="*/ 2031671 h 2323145"/>
              <a:gd name="connsiteX202" fmla="*/ 2506437 w 11269336"/>
              <a:gd name="connsiteY202" fmla="*/ 2030918 h 2323145"/>
              <a:gd name="connsiteX203" fmla="*/ 2491752 w 11269336"/>
              <a:gd name="connsiteY203" fmla="*/ 2033906 h 2323145"/>
              <a:gd name="connsiteX204" fmla="*/ 2486338 w 11269336"/>
              <a:gd name="connsiteY204" fmla="*/ 2035862 h 2323145"/>
              <a:gd name="connsiteX205" fmla="*/ 2478186 w 11269336"/>
              <a:gd name="connsiteY205" fmla="*/ 2036953 h 2323145"/>
              <a:gd name="connsiteX206" fmla="*/ 2477950 w 11269336"/>
              <a:gd name="connsiteY206" fmla="*/ 2036715 h 2323145"/>
              <a:gd name="connsiteX207" fmla="*/ 2470381 w 11269336"/>
              <a:gd name="connsiteY207" fmla="*/ 2038256 h 2323145"/>
              <a:gd name="connsiteX208" fmla="*/ 2433781 w 11269336"/>
              <a:gd name="connsiteY208" fmla="*/ 2049140 h 2323145"/>
              <a:gd name="connsiteX209" fmla="*/ 2381172 w 11269336"/>
              <a:gd name="connsiteY209" fmla="*/ 2030645 h 2323145"/>
              <a:gd name="connsiteX210" fmla="*/ 2360198 w 11269336"/>
              <a:gd name="connsiteY210" fmla="*/ 2029059 h 2323145"/>
              <a:gd name="connsiteX211" fmla="*/ 2348815 w 11269336"/>
              <a:gd name="connsiteY211" fmla="*/ 2026798 h 2323145"/>
              <a:gd name="connsiteX212" fmla="*/ 2347988 w 11269336"/>
              <a:gd name="connsiteY212" fmla="*/ 2025745 h 2323145"/>
              <a:gd name="connsiteX213" fmla="*/ 2312920 w 11269336"/>
              <a:gd name="connsiteY213" fmla="*/ 2036311 h 2323145"/>
              <a:gd name="connsiteX214" fmla="*/ 2307986 w 11269336"/>
              <a:gd name="connsiteY214" fmla="*/ 2035583 h 2323145"/>
              <a:gd name="connsiteX215" fmla="*/ 2285481 w 11269336"/>
              <a:gd name="connsiteY215" fmla="*/ 2045197 h 2323145"/>
              <a:gd name="connsiteX216" fmla="*/ 2273666 w 11269336"/>
              <a:gd name="connsiteY216" fmla="*/ 2048710 h 2323145"/>
              <a:gd name="connsiteX217" fmla="*/ 2270719 w 11269336"/>
              <a:gd name="connsiteY217" fmla="*/ 2052702 h 2323145"/>
              <a:gd name="connsiteX218" fmla="*/ 2253080 w 11269336"/>
              <a:gd name="connsiteY218" fmla="*/ 2056363 h 2323145"/>
              <a:gd name="connsiteX219" fmla="*/ 2250906 w 11269336"/>
              <a:gd name="connsiteY219" fmla="*/ 2055654 h 2323145"/>
              <a:gd name="connsiteX220" fmla="*/ 2236905 w 11269336"/>
              <a:gd name="connsiteY220" fmla="*/ 2062882 h 2323145"/>
              <a:gd name="connsiteX221" fmla="*/ 2225830 w 11269336"/>
              <a:gd name="connsiteY221" fmla="*/ 2074027 h 2323145"/>
              <a:gd name="connsiteX222" fmla="*/ 2073776 w 11269336"/>
              <a:gd name="connsiteY222" fmla="*/ 2089244 h 2323145"/>
              <a:gd name="connsiteX223" fmla="*/ 1948256 w 11269336"/>
              <a:gd name="connsiteY223" fmla="*/ 2146616 h 2323145"/>
              <a:gd name="connsiteX224" fmla="*/ 1865582 w 11269336"/>
              <a:gd name="connsiteY224" fmla="*/ 2153738 h 2323145"/>
              <a:gd name="connsiteX225" fmla="*/ 1835210 w 11269336"/>
              <a:gd name="connsiteY225" fmla="*/ 2134244 h 2323145"/>
              <a:gd name="connsiteX226" fmla="*/ 1632661 w 11269336"/>
              <a:gd name="connsiteY226" fmla="*/ 2173882 h 2323145"/>
              <a:gd name="connsiteX227" fmla="*/ 1579590 w 11269336"/>
              <a:gd name="connsiteY227" fmla="*/ 2173680 h 2323145"/>
              <a:gd name="connsiteX228" fmla="*/ 1535601 w 11269336"/>
              <a:gd name="connsiteY228" fmla="*/ 2194590 h 2323145"/>
              <a:gd name="connsiteX229" fmla="*/ 1515594 w 11269336"/>
              <a:gd name="connsiteY229" fmla="*/ 2189622 h 2323145"/>
              <a:gd name="connsiteX230" fmla="*/ 1512113 w 11269336"/>
              <a:gd name="connsiteY230" fmla="*/ 2188534 h 2323145"/>
              <a:gd name="connsiteX231" fmla="*/ 1498838 w 11269336"/>
              <a:gd name="connsiteY231" fmla="*/ 2189213 h 2323145"/>
              <a:gd name="connsiteX232" fmla="*/ 1494279 w 11269336"/>
              <a:gd name="connsiteY232" fmla="*/ 2183112 h 2323145"/>
              <a:gd name="connsiteX233" fmla="*/ 1473714 w 11269336"/>
              <a:gd name="connsiteY233" fmla="*/ 2179625 h 2323145"/>
              <a:gd name="connsiteX234" fmla="*/ 1449503 w 11269336"/>
              <a:gd name="connsiteY234" fmla="*/ 2182633 h 2323145"/>
              <a:gd name="connsiteX235" fmla="*/ 1266687 w 11269336"/>
              <a:gd name="connsiteY235" fmla="*/ 2212688 h 2323145"/>
              <a:gd name="connsiteX236" fmla="*/ 1239614 w 11269336"/>
              <a:gd name="connsiteY236" fmla="*/ 2209727 h 2323145"/>
              <a:gd name="connsiteX237" fmla="*/ 1202436 w 11269336"/>
              <a:gd name="connsiteY237" fmla="*/ 2209817 h 2323145"/>
              <a:gd name="connsiteX238" fmla="*/ 1136097 w 11269336"/>
              <a:gd name="connsiteY238" fmla="*/ 2205112 h 2323145"/>
              <a:gd name="connsiteX239" fmla="*/ 988232 w 11269336"/>
              <a:gd name="connsiteY239" fmla="*/ 2235635 h 2323145"/>
              <a:gd name="connsiteX240" fmla="*/ 981959 w 11269336"/>
              <a:gd name="connsiteY240" fmla="*/ 2231607 h 2323145"/>
              <a:gd name="connsiteX241" fmla="*/ 938600 w 11269336"/>
              <a:gd name="connsiteY241" fmla="*/ 2238113 h 2323145"/>
              <a:gd name="connsiteX242" fmla="*/ 791788 w 11269336"/>
              <a:gd name="connsiteY242" fmla="*/ 2293224 h 2323145"/>
              <a:gd name="connsiteX243" fmla="*/ 706914 w 11269336"/>
              <a:gd name="connsiteY243" fmla="*/ 2305046 h 2323145"/>
              <a:gd name="connsiteX244" fmla="*/ 675971 w 11269336"/>
              <a:gd name="connsiteY244" fmla="*/ 2304030 h 2323145"/>
              <a:gd name="connsiteX245" fmla="*/ 624180 w 11269336"/>
              <a:gd name="connsiteY245" fmla="*/ 2302650 h 2323145"/>
              <a:gd name="connsiteX246" fmla="*/ 583453 w 11269336"/>
              <a:gd name="connsiteY246" fmla="*/ 2288788 h 2323145"/>
              <a:gd name="connsiteX247" fmla="*/ 540946 w 11269336"/>
              <a:gd name="connsiteY247" fmla="*/ 2292721 h 2323145"/>
              <a:gd name="connsiteX248" fmla="*/ 533680 w 11269336"/>
              <a:gd name="connsiteY248" fmla="*/ 2310233 h 2323145"/>
              <a:gd name="connsiteX249" fmla="*/ 487366 w 11269336"/>
              <a:gd name="connsiteY249" fmla="*/ 2309053 h 2323145"/>
              <a:gd name="connsiteX250" fmla="*/ 416820 w 11269336"/>
              <a:gd name="connsiteY250" fmla="*/ 2305443 h 2323145"/>
              <a:gd name="connsiteX251" fmla="*/ 376805 w 11269336"/>
              <a:gd name="connsiteY251" fmla="*/ 2307647 h 2323145"/>
              <a:gd name="connsiteX252" fmla="*/ 266777 w 11269336"/>
              <a:gd name="connsiteY252" fmla="*/ 2309012 h 2323145"/>
              <a:gd name="connsiteX253" fmla="*/ 156013 w 11269336"/>
              <a:gd name="connsiteY253" fmla="*/ 2306832 h 2323145"/>
              <a:gd name="connsiteX254" fmla="*/ 87258 w 11269336"/>
              <a:gd name="connsiteY254" fmla="*/ 2285511 h 2323145"/>
              <a:gd name="connsiteX255" fmla="*/ 23798 w 11269336"/>
              <a:gd name="connsiteY255" fmla="*/ 2281822 h 2323145"/>
              <a:gd name="connsiteX256" fmla="*/ 0 w 11269336"/>
              <a:gd name="connsiteY256" fmla="*/ 2285369 h 2323145"/>
              <a:gd name="connsiteX257" fmla="*/ 0 w 11269336"/>
              <a:gd name="connsiteY257"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33312 w 11269336"/>
              <a:gd name="connsiteY145" fmla="*/ 2199004 h 2323145"/>
              <a:gd name="connsiteX146" fmla="*/ 4405765 w 11269336"/>
              <a:gd name="connsiteY146" fmla="*/ 2199902 h 2323145"/>
              <a:gd name="connsiteX147" fmla="*/ 4401354 w 11269336"/>
              <a:gd name="connsiteY147" fmla="*/ 2194745 h 2323145"/>
              <a:gd name="connsiteX148" fmla="*/ 4366646 w 11269336"/>
              <a:gd name="connsiteY148" fmla="*/ 2198564 h 2323145"/>
              <a:gd name="connsiteX149" fmla="*/ 4354009 w 11269336"/>
              <a:gd name="connsiteY149" fmla="*/ 2204984 h 2323145"/>
              <a:gd name="connsiteX150" fmla="*/ 4348284 w 11269336"/>
              <a:gd name="connsiteY150" fmla="*/ 2205270 h 2323145"/>
              <a:gd name="connsiteX151" fmla="*/ 4333906 w 11269336"/>
              <a:gd name="connsiteY151" fmla="*/ 2205251 h 2323145"/>
              <a:gd name="connsiteX152" fmla="*/ 4308819 w 11269336"/>
              <a:gd name="connsiteY152" fmla="*/ 2203822 h 2323145"/>
              <a:gd name="connsiteX153" fmla="*/ 4301210 w 11269336"/>
              <a:gd name="connsiteY153" fmla="*/ 2204456 h 2323145"/>
              <a:gd name="connsiteX154" fmla="*/ 4283095 w 11269336"/>
              <a:gd name="connsiteY154" fmla="*/ 2198177 h 2323145"/>
              <a:gd name="connsiteX155" fmla="*/ 4250119 w 11269336"/>
              <a:gd name="connsiteY155" fmla="*/ 2196342 h 2323145"/>
              <a:gd name="connsiteX156" fmla="*/ 4189203 w 11269336"/>
              <a:gd name="connsiteY156" fmla="*/ 2178994 h 2323145"/>
              <a:gd name="connsiteX157" fmla="*/ 4154035 w 11269336"/>
              <a:gd name="connsiteY157" fmla="*/ 2171950 h 2323145"/>
              <a:gd name="connsiteX158" fmla="*/ 4129569 w 11269336"/>
              <a:gd name="connsiteY158" fmla="*/ 2163850 h 2323145"/>
              <a:gd name="connsiteX159" fmla="*/ 4061250 w 11269336"/>
              <a:gd name="connsiteY159" fmla="*/ 2159236 h 2323145"/>
              <a:gd name="connsiteX160" fmla="*/ 3945480 w 11269336"/>
              <a:gd name="connsiteY160" fmla="*/ 2158279 h 2323145"/>
              <a:gd name="connsiteX161" fmla="*/ 3921468 w 11269336"/>
              <a:gd name="connsiteY161" fmla="*/ 2156588 h 2323145"/>
              <a:gd name="connsiteX162" fmla="*/ 3903348 w 11269336"/>
              <a:gd name="connsiteY162" fmla="*/ 2149220 h 2323145"/>
              <a:gd name="connsiteX163" fmla="*/ 3901342 w 11269336"/>
              <a:gd name="connsiteY163" fmla="*/ 2142355 h 2323145"/>
              <a:gd name="connsiteX164" fmla="*/ 3888539 w 11269336"/>
              <a:gd name="connsiteY164" fmla="*/ 2140476 h 2323145"/>
              <a:gd name="connsiteX165" fmla="*/ 3885662 w 11269336"/>
              <a:gd name="connsiteY165" fmla="*/ 2138740 h 2323145"/>
              <a:gd name="connsiteX166" fmla="*/ 3868627 w 11269336"/>
              <a:gd name="connsiteY166" fmla="*/ 2130023 h 2323145"/>
              <a:gd name="connsiteX167" fmla="*/ 3819177 w 11269336"/>
              <a:gd name="connsiteY167" fmla="*/ 2142111 h 2323145"/>
              <a:gd name="connsiteX168" fmla="*/ 3769100 w 11269336"/>
              <a:gd name="connsiteY168" fmla="*/ 2131731 h 2323145"/>
              <a:gd name="connsiteX169" fmla="*/ 3562752 w 11269336"/>
              <a:gd name="connsiteY169" fmla="*/ 2131785 h 2323145"/>
              <a:gd name="connsiteX170" fmla="*/ 3541402 w 11269336"/>
              <a:gd name="connsiteY170" fmla="*/ 2106821 h 2323145"/>
              <a:gd name="connsiteX171" fmla="*/ 3365341 w 11269336"/>
              <a:gd name="connsiteY171" fmla="*/ 2077638 h 2323145"/>
              <a:gd name="connsiteX172" fmla="*/ 3170922 w 11269336"/>
              <a:gd name="connsiteY172" fmla="*/ 2115957 h 2323145"/>
              <a:gd name="connsiteX173" fmla="*/ 3156256 w 11269336"/>
              <a:gd name="connsiteY173" fmla="*/ 2124773 h 2323145"/>
              <a:gd name="connsiteX174" fmla="*/ 3140298 w 11269336"/>
              <a:gd name="connsiteY174" fmla="*/ 2129182 h 2323145"/>
              <a:gd name="connsiteX175" fmla="*/ 3138514 w 11269336"/>
              <a:gd name="connsiteY175" fmla="*/ 2128069 h 2323145"/>
              <a:gd name="connsiteX176" fmla="*/ 3120467 w 11269336"/>
              <a:gd name="connsiteY176" fmla="*/ 2128281 h 2323145"/>
              <a:gd name="connsiteX177" fmla="*/ 3116175 w 11269336"/>
              <a:gd name="connsiteY177" fmla="*/ 2131633 h 2323145"/>
              <a:gd name="connsiteX178" fmla="*/ 3103685 w 11269336"/>
              <a:gd name="connsiteY178" fmla="*/ 2132814 h 2323145"/>
              <a:gd name="connsiteX179" fmla="*/ 3078794 w 11269336"/>
              <a:gd name="connsiteY179" fmla="*/ 2137935 h 2323145"/>
              <a:gd name="connsiteX180" fmla="*/ 3074407 w 11269336"/>
              <a:gd name="connsiteY180" fmla="*/ 2136274 h 2323145"/>
              <a:gd name="connsiteX181" fmla="*/ 3037285 w 11269336"/>
              <a:gd name="connsiteY181" fmla="*/ 2139919 h 2323145"/>
              <a:gd name="connsiteX182" fmla="*/ 3036901 w 11269336"/>
              <a:gd name="connsiteY182" fmla="*/ 2138726 h 2323145"/>
              <a:gd name="connsiteX183" fmla="*/ 3026996 w 11269336"/>
              <a:gd name="connsiteY183" fmla="*/ 2134322 h 2323145"/>
              <a:gd name="connsiteX184" fmla="*/ 3007772 w 11269336"/>
              <a:gd name="connsiteY184" fmla="*/ 2128742 h 2323145"/>
              <a:gd name="connsiteX185" fmla="*/ 2965030 w 11269336"/>
              <a:gd name="connsiteY185" fmla="*/ 2100494 h 2323145"/>
              <a:gd name="connsiteX186" fmla="*/ 2926342 w 11269336"/>
              <a:gd name="connsiteY186" fmla="*/ 2104155 h 2323145"/>
              <a:gd name="connsiteX187" fmla="*/ 2918608 w 11269336"/>
              <a:gd name="connsiteY187" fmla="*/ 2104215 h 2323145"/>
              <a:gd name="connsiteX188" fmla="*/ 2918475 w 11269336"/>
              <a:gd name="connsiteY188" fmla="*/ 2103937 h 2323145"/>
              <a:gd name="connsiteX189" fmla="*/ 2910360 w 11269336"/>
              <a:gd name="connsiteY189" fmla="*/ 2103444 h 2323145"/>
              <a:gd name="connsiteX190" fmla="*/ 2904507 w 11269336"/>
              <a:gd name="connsiteY190" fmla="*/ 2104326 h 2323145"/>
              <a:gd name="connsiteX191" fmla="*/ 2889503 w 11269336"/>
              <a:gd name="connsiteY191" fmla="*/ 2104443 h 2323145"/>
              <a:gd name="connsiteX192" fmla="*/ 2884480 w 11269336"/>
              <a:gd name="connsiteY192" fmla="*/ 2102626 h 2323145"/>
              <a:gd name="connsiteX193" fmla="*/ 2882689 w 11269336"/>
              <a:gd name="connsiteY193" fmla="*/ 2099228 h 2323145"/>
              <a:gd name="connsiteX194" fmla="*/ 2881291 w 11269336"/>
              <a:gd name="connsiteY194" fmla="*/ 2099618 h 2323145"/>
              <a:gd name="connsiteX195" fmla="*/ 2853979 w 11269336"/>
              <a:gd name="connsiteY195" fmla="*/ 2090388 h 2323145"/>
              <a:gd name="connsiteX196" fmla="*/ 2791790 w 11269336"/>
              <a:gd name="connsiteY196" fmla="*/ 2080332 h 2323145"/>
              <a:gd name="connsiteX197" fmla="*/ 2755844 w 11269336"/>
              <a:gd name="connsiteY197" fmla="*/ 2078874 h 2323145"/>
              <a:gd name="connsiteX198" fmla="*/ 2657742 w 11269336"/>
              <a:gd name="connsiteY198" fmla="*/ 2070179 h 2323145"/>
              <a:gd name="connsiteX199" fmla="*/ 2559549 w 11269336"/>
              <a:gd name="connsiteY199" fmla="*/ 2057873 h 2323145"/>
              <a:gd name="connsiteX200" fmla="*/ 2512054 w 11269336"/>
              <a:gd name="connsiteY200" fmla="*/ 2031671 h 2323145"/>
              <a:gd name="connsiteX201" fmla="*/ 2506437 w 11269336"/>
              <a:gd name="connsiteY201" fmla="*/ 2030918 h 2323145"/>
              <a:gd name="connsiteX202" fmla="*/ 2491752 w 11269336"/>
              <a:gd name="connsiteY202" fmla="*/ 2033906 h 2323145"/>
              <a:gd name="connsiteX203" fmla="*/ 2486338 w 11269336"/>
              <a:gd name="connsiteY203" fmla="*/ 2035862 h 2323145"/>
              <a:gd name="connsiteX204" fmla="*/ 2478186 w 11269336"/>
              <a:gd name="connsiteY204" fmla="*/ 2036953 h 2323145"/>
              <a:gd name="connsiteX205" fmla="*/ 2477950 w 11269336"/>
              <a:gd name="connsiteY205" fmla="*/ 2036715 h 2323145"/>
              <a:gd name="connsiteX206" fmla="*/ 2470381 w 11269336"/>
              <a:gd name="connsiteY206" fmla="*/ 2038256 h 2323145"/>
              <a:gd name="connsiteX207" fmla="*/ 2433781 w 11269336"/>
              <a:gd name="connsiteY207" fmla="*/ 2049140 h 2323145"/>
              <a:gd name="connsiteX208" fmla="*/ 2381172 w 11269336"/>
              <a:gd name="connsiteY208" fmla="*/ 2030645 h 2323145"/>
              <a:gd name="connsiteX209" fmla="*/ 2360198 w 11269336"/>
              <a:gd name="connsiteY209" fmla="*/ 2029059 h 2323145"/>
              <a:gd name="connsiteX210" fmla="*/ 2348815 w 11269336"/>
              <a:gd name="connsiteY210" fmla="*/ 2026798 h 2323145"/>
              <a:gd name="connsiteX211" fmla="*/ 2347988 w 11269336"/>
              <a:gd name="connsiteY211" fmla="*/ 2025745 h 2323145"/>
              <a:gd name="connsiteX212" fmla="*/ 2312920 w 11269336"/>
              <a:gd name="connsiteY212" fmla="*/ 2036311 h 2323145"/>
              <a:gd name="connsiteX213" fmla="*/ 2307986 w 11269336"/>
              <a:gd name="connsiteY213" fmla="*/ 2035583 h 2323145"/>
              <a:gd name="connsiteX214" fmla="*/ 2285481 w 11269336"/>
              <a:gd name="connsiteY214" fmla="*/ 2045197 h 2323145"/>
              <a:gd name="connsiteX215" fmla="*/ 2273666 w 11269336"/>
              <a:gd name="connsiteY215" fmla="*/ 2048710 h 2323145"/>
              <a:gd name="connsiteX216" fmla="*/ 2270719 w 11269336"/>
              <a:gd name="connsiteY216" fmla="*/ 2052702 h 2323145"/>
              <a:gd name="connsiteX217" fmla="*/ 2253080 w 11269336"/>
              <a:gd name="connsiteY217" fmla="*/ 2056363 h 2323145"/>
              <a:gd name="connsiteX218" fmla="*/ 2250906 w 11269336"/>
              <a:gd name="connsiteY218" fmla="*/ 2055654 h 2323145"/>
              <a:gd name="connsiteX219" fmla="*/ 2236905 w 11269336"/>
              <a:gd name="connsiteY219" fmla="*/ 2062882 h 2323145"/>
              <a:gd name="connsiteX220" fmla="*/ 2225830 w 11269336"/>
              <a:gd name="connsiteY220" fmla="*/ 2074027 h 2323145"/>
              <a:gd name="connsiteX221" fmla="*/ 2073776 w 11269336"/>
              <a:gd name="connsiteY221" fmla="*/ 2089244 h 2323145"/>
              <a:gd name="connsiteX222" fmla="*/ 1948256 w 11269336"/>
              <a:gd name="connsiteY222" fmla="*/ 2146616 h 2323145"/>
              <a:gd name="connsiteX223" fmla="*/ 1865582 w 11269336"/>
              <a:gd name="connsiteY223" fmla="*/ 2153738 h 2323145"/>
              <a:gd name="connsiteX224" fmla="*/ 1835210 w 11269336"/>
              <a:gd name="connsiteY224" fmla="*/ 2134244 h 2323145"/>
              <a:gd name="connsiteX225" fmla="*/ 1632661 w 11269336"/>
              <a:gd name="connsiteY225" fmla="*/ 2173882 h 2323145"/>
              <a:gd name="connsiteX226" fmla="*/ 1579590 w 11269336"/>
              <a:gd name="connsiteY226" fmla="*/ 2173680 h 2323145"/>
              <a:gd name="connsiteX227" fmla="*/ 1535601 w 11269336"/>
              <a:gd name="connsiteY227" fmla="*/ 2194590 h 2323145"/>
              <a:gd name="connsiteX228" fmla="*/ 1515594 w 11269336"/>
              <a:gd name="connsiteY228" fmla="*/ 2189622 h 2323145"/>
              <a:gd name="connsiteX229" fmla="*/ 1512113 w 11269336"/>
              <a:gd name="connsiteY229" fmla="*/ 2188534 h 2323145"/>
              <a:gd name="connsiteX230" fmla="*/ 1498838 w 11269336"/>
              <a:gd name="connsiteY230" fmla="*/ 2189213 h 2323145"/>
              <a:gd name="connsiteX231" fmla="*/ 1494279 w 11269336"/>
              <a:gd name="connsiteY231" fmla="*/ 2183112 h 2323145"/>
              <a:gd name="connsiteX232" fmla="*/ 1473714 w 11269336"/>
              <a:gd name="connsiteY232" fmla="*/ 2179625 h 2323145"/>
              <a:gd name="connsiteX233" fmla="*/ 1449503 w 11269336"/>
              <a:gd name="connsiteY233" fmla="*/ 2182633 h 2323145"/>
              <a:gd name="connsiteX234" fmla="*/ 1266687 w 11269336"/>
              <a:gd name="connsiteY234" fmla="*/ 2212688 h 2323145"/>
              <a:gd name="connsiteX235" fmla="*/ 1239614 w 11269336"/>
              <a:gd name="connsiteY235" fmla="*/ 2209727 h 2323145"/>
              <a:gd name="connsiteX236" fmla="*/ 1202436 w 11269336"/>
              <a:gd name="connsiteY236" fmla="*/ 2209817 h 2323145"/>
              <a:gd name="connsiteX237" fmla="*/ 1136097 w 11269336"/>
              <a:gd name="connsiteY237" fmla="*/ 2205112 h 2323145"/>
              <a:gd name="connsiteX238" fmla="*/ 988232 w 11269336"/>
              <a:gd name="connsiteY238" fmla="*/ 2235635 h 2323145"/>
              <a:gd name="connsiteX239" fmla="*/ 981959 w 11269336"/>
              <a:gd name="connsiteY239" fmla="*/ 2231607 h 2323145"/>
              <a:gd name="connsiteX240" fmla="*/ 938600 w 11269336"/>
              <a:gd name="connsiteY240" fmla="*/ 2238113 h 2323145"/>
              <a:gd name="connsiteX241" fmla="*/ 791788 w 11269336"/>
              <a:gd name="connsiteY241" fmla="*/ 2293224 h 2323145"/>
              <a:gd name="connsiteX242" fmla="*/ 706914 w 11269336"/>
              <a:gd name="connsiteY242" fmla="*/ 2305046 h 2323145"/>
              <a:gd name="connsiteX243" fmla="*/ 675971 w 11269336"/>
              <a:gd name="connsiteY243" fmla="*/ 2304030 h 2323145"/>
              <a:gd name="connsiteX244" fmla="*/ 624180 w 11269336"/>
              <a:gd name="connsiteY244" fmla="*/ 2302650 h 2323145"/>
              <a:gd name="connsiteX245" fmla="*/ 583453 w 11269336"/>
              <a:gd name="connsiteY245" fmla="*/ 2288788 h 2323145"/>
              <a:gd name="connsiteX246" fmla="*/ 540946 w 11269336"/>
              <a:gd name="connsiteY246" fmla="*/ 2292721 h 2323145"/>
              <a:gd name="connsiteX247" fmla="*/ 533680 w 11269336"/>
              <a:gd name="connsiteY247" fmla="*/ 2310233 h 2323145"/>
              <a:gd name="connsiteX248" fmla="*/ 487366 w 11269336"/>
              <a:gd name="connsiteY248" fmla="*/ 2309053 h 2323145"/>
              <a:gd name="connsiteX249" fmla="*/ 416820 w 11269336"/>
              <a:gd name="connsiteY249" fmla="*/ 2305443 h 2323145"/>
              <a:gd name="connsiteX250" fmla="*/ 376805 w 11269336"/>
              <a:gd name="connsiteY250" fmla="*/ 2307647 h 2323145"/>
              <a:gd name="connsiteX251" fmla="*/ 266777 w 11269336"/>
              <a:gd name="connsiteY251" fmla="*/ 2309012 h 2323145"/>
              <a:gd name="connsiteX252" fmla="*/ 156013 w 11269336"/>
              <a:gd name="connsiteY252" fmla="*/ 2306832 h 2323145"/>
              <a:gd name="connsiteX253" fmla="*/ 87258 w 11269336"/>
              <a:gd name="connsiteY253" fmla="*/ 2285511 h 2323145"/>
              <a:gd name="connsiteX254" fmla="*/ 23798 w 11269336"/>
              <a:gd name="connsiteY254" fmla="*/ 2281822 h 2323145"/>
              <a:gd name="connsiteX255" fmla="*/ 0 w 11269336"/>
              <a:gd name="connsiteY255" fmla="*/ 2285369 h 2323145"/>
              <a:gd name="connsiteX256" fmla="*/ 0 w 11269336"/>
              <a:gd name="connsiteY256"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59937 w 11269336"/>
              <a:gd name="connsiteY144" fmla="*/ 2195182 h 2323145"/>
              <a:gd name="connsiteX145" fmla="*/ 4405765 w 11269336"/>
              <a:gd name="connsiteY145" fmla="*/ 2199902 h 2323145"/>
              <a:gd name="connsiteX146" fmla="*/ 4401354 w 11269336"/>
              <a:gd name="connsiteY146" fmla="*/ 2194745 h 2323145"/>
              <a:gd name="connsiteX147" fmla="*/ 4366646 w 11269336"/>
              <a:gd name="connsiteY147" fmla="*/ 2198564 h 2323145"/>
              <a:gd name="connsiteX148" fmla="*/ 4354009 w 11269336"/>
              <a:gd name="connsiteY148" fmla="*/ 2204984 h 2323145"/>
              <a:gd name="connsiteX149" fmla="*/ 4348284 w 11269336"/>
              <a:gd name="connsiteY149" fmla="*/ 2205270 h 2323145"/>
              <a:gd name="connsiteX150" fmla="*/ 4333906 w 11269336"/>
              <a:gd name="connsiteY150" fmla="*/ 2205251 h 2323145"/>
              <a:gd name="connsiteX151" fmla="*/ 4308819 w 11269336"/>
              <a:gd name="connsiteY151" fmla="*/ 2203822 h 2323145"/>
              <a:gd name="connsiteX152" fmla="*/ 4301210 w 11269336"/>
              <a:gd name="connsiteY152" fmla="*/ 2204456 h 2323145"/>
              <a:gd name="connsiteX153" fmla="*/ 4283095 w 11269336"/>
              <a:gd name="connsiteY153" fmla="*/ 2198177 h 2323145"/>
              <a:gd name="connsiteX154" fmla="*/ 4250119 w 11269336"/>
              <a:gd name="connsiteY154" fmla="*/ 2196342 h 2323145"/>
              <a:gd name="connsiteX155" fmla="*/ 4189203 w 11269336"/>
              <a:gd name="connsiteY155" fmla="*/ 2178994 h 2323145"/>
              <a:gd name="connsiteX156" fmla="*/ 4154035 w 11269336"/>
              <a:gd name="connsiteY156" fmla="*/ 2171950 h 2323145"/>
              <a:gd name="connsiteX157" fmla="*/ 4129569 w 11269336"/>
              <a:gd name="connsiteY157" fmla="*/ 2163850 h 2323145"/>
              <a:gd name="connsiteX158" fmla="*/ 4061250 w 11269336"/>
              <a:gd name="connsiteY158" fmla="*/ 2159236 h 2323145"/>
              <a:gd name="connsiteX159" fmla="*/ 3945480 w 11269336"/>
              <a:gd name="connsiteY159" fmla="*/ 2158279 h 2323145"/>
              <a:gd name="connsiteX160" fmla="*/ 3921468 w 11269336"/>
              <a:gd name="connsiteY160" fmla="*/ 2156588 h 2323145"/>
              <a:gd name="connsiteX161" fmla="*/ 3903348 w 11269336"/>
              <a:gd name="connsiteY161" fmla="*/ 2149220 h 2323145"/>
              <a:gd name="connsiteX162" fmla="*/ 3901342 w 11269336"/>
              <a:gd name="connsiteY162" fmla="*/ 2142355 h 2323145"/>
              <a:gd name="connsiteX163" fmla="*/ 3888539 w 11269336"/>
              <a:gd name="connsiteY163" fmla="*/ 2140476 h 2323145"/>
              <a:gd name="connsiteX164" fmla="*/ 3885662 w 11269336"/>
              <a:gd name="connsiteY164" fmla="*/ 2138740 h 2323145"/>
              <a:gd name="connsiteX165" fmla="*/ 3868627 w 11269336"/>
              <a:gd name="connsiteY165" fmla="*/ 2130023 h 2323145"/>
              <a:gd name="connsiteX166" fmla="*/ 3819177 w 11269336"/>
              <a:gd name="connsiteY166" fmla="*/ 2142111 h 2323145"/>
              <a:gd name="connsiteX167" fmla="*/ 3769100 w 11269336"/>
              <a:gd name="connsiteY167" fmla="*/ 2131731 h 2323145"/>
              <a:gd name="connsiteX168" fmla="*/ 3562752 w 11269336"/>
              <a:gd name="connsiteY168" fmla="*/ 2131785 h 2323145"/>
              <a:gd name="connsiteX169" fmla="*/ 3541402 w 11269336"/>
              <a:gd name="connsiteY169" fmla="*/ 2106821 h 2323145"/>
              <a:gd name="connsiteX170" fmla="*/ 3365341 w 11269336"/>
              <a:gd name="connsiteY170" fmla="*/ 2077638 h 2323145"/>
              <a:gd name="connsiteX171" fmla="*/ 3170922 w 11269336"/>
              <a:gd name="connsiteY171" fmla="*/ 2115957 h 2323145"/>
              <a:gd name="connsiteX172" fmla="*/ 3156256 w 11269336"/>
              <a:gd name="connsiteY172" fmla="*/ 2124773 h 2323145"/>
              <a:gd name="connsiteX173" fmla="*/ 3140298 w 11269336"/>
              <a:gd name="connsiteY173" fmla="*/ 2129182 h 2323145"/>
              <a:gd name="connsiteX174" fmla="*/ 3138514 w 11269336"/>
              <a:gd name="connsiteY174" fmla="*/ 2128069 h 2323145"/>
              <a:gd name="connsiteX175" fmla="*/ 3120467 w 11269336"/>
              <a:gd name="connsiteY175" fmla="*/ 2128281 h 2323145"/>
              <a:gd name="connsiteX176" fmla="*/ 3116175 w 11269336"/>
              <a:gd name="connsiteY176" fmla="*/ 2131633 h 2323145"/>
              <a:gd name="connsiteX177" fmla="*/ 3103685 w 11269336"/>
              <a:gd name="connsiteY177" fmla="*/ 2132814 h 2323145"/>
              <a:gd name="connsiteX178" fmla="*/ 3078794 w 11269336"/>
              <a:gd name="connsiteY178" fmla="*/ 2137935 h 2323145"/>
              <a:gd name="connsiteX179" fmla="*/ 3074407 w 11269336"/>
              <a:gd name="connsiteY179" fmla="*/ 2136274 h 2323145"/>
              <a:gd name="connsiteX180" fmla="*/ 3037285 w 11269336"/>
              <a:gd name="connsiteY180" fmla="*/ 2139919 h 2323145"/>
              <a:gd name="connsiteX181" fmla="*/ 3036901 w 11269336"/>
              <a:gd name="connsiteY181" fmla="*/ 2138726 h 2323145"/>
              <a:gd name="connsiteX182" fmla="*/ 3026996 w 11269336"/>
              <a:gd name="connsiteY182" fmla="*/ 2134322 h 2323145"/>
              <a:gd name="connsiteX183" fmla="*/ 3007772 w 11269336"/>
              <a:gd name="connsiteY183" fmla="*/ 2128742 h 2323145"/>
              <a:gd name="connsiteX184" fmla="*/ 2965030 w 11269336"/>
              <a:gd name="connsiteY184" fmla="*/ 2100494 h 2323145"/>
              <a:gd name="connsiteX185" fmla="*/ 2926342 w 11269336"/>
              <a:gd name="connsiteY185" fmla="*/ 2104155 h 2323145"/>
              <a:gd name="connsiteX186" fmla="*/ 2918608 w 11269336"/>
              <a:gd name="connsiteY186" fmla="*/ 2104215 h 2323145"/>
              <a:gd name="connsiteX187" fmla="*/ 2918475 w 11269336"/>
              <a:gd name="connsiteY187" fmla="*/ 2103937 h 2323145"/>
              <a:gd name="connsiteX188" fmla="*/ 2910360 w 11269336"/>
              <a:gd name="connsiteY188" fmla="*/ 2103444 h 2323145"/>
              <a:gd name="connsiteX189" fmla="*/ 2904507 w 11269336"/>
              <a:gd name="connsiteY189" fmla="*/ 2104326 h 2323145"/>
              <a:gd name="connsiteX190" fmla="*/ 2889503 w 11269336"/>
              <a:gd name="connsiteY190" fmla="*/ 2104443 h 2323145"/>
              <a:gd name="connsiteX191" fmla="*/ 2884480 w 11269336"/>
              <a:gd name="connsiteY191" fmla="*/ 2102626 h 2323145"/>
              <a:gd name="connsiteX192" fmla="*/ 2882689 w 11269336"/>
              <a:gd name="connsiteY192" fmla="*/ 2099228 h 2323145"/>
              <a:gd name="connsiteX193" fmla="*/ 2881291 w 11269336"/>
              <a:gd name="connsiteY193" fmla="*/ 2099618 h 2323145"/>
              <a:gd name="connsiteX194" fmla="*/ 2853979 w 11269336"/>
              <a:gd name="connsiteY194" fmla="*/ 2090388 h 2323145"/>
              <a:gd name="connsiteX195" fmla="*/ 2791790 w 11269336"/>
              <a:gd name="connsiteY195" fmla="*/ 2080332 h 2323145"/>
              <a:gd name="connsiteX196" fmla="*/ 2755844 w 11269336"/>
              <a:gd name="connsiteY196" fmla="*/ 2078874 h 2323145"/>
              <a:gd name="connsiteX197" fmla="*/ 2657742 w 11269336"/>
              <a:gd name="connsiteY197" fmla="*/ 2070179 h 2323145"/>
              <a:gd name="connsiteX198" fmla="*/ 2559549 w 11269336"/>
              <a:gd name="connsiteY198" fmla="*/ 2057873 h 2323145"/>
              <a:gd name="connsiteX199" fmla="*/ 2512054 w 11269336"/>
              <a:gd name="connsiteY199" fmla="*/ 2031671 h 2323145"/>
              <a:gd name="connsiteX200" fmla="*/ 2506437 w 11269336"/>
              <a:gd name="connsiteY200" fmla="*/ 2030918 h 2323145"/>
              <a:gd name="connsiteX201" fmla="*/ 2491752 w 11269336"/>
              <a:gd name="connsiteY201" fmla="*/ 2033906 h 2323145"/>
              <a:gd name="connsiteX202" fmla="*/ 2486338 w 11269336"/>
              <a:gd name="connsiteY202" fmla="*/ 2035862 h 2323145"/>
              <a:gd name="connsiteX203" fmla="*/ 2478186 w 11269336"/>
              <a:gd name="connsiteY203" fmla="*/ 2036953 h 2323145"/>
              <a:gd name="connsiteX204" fmla="*/ 2477950 w 11269336"/>
              <a:gd name="connsiteY204" fmla="*/ 2036715 h 2323145"/>
              <a:gd name="connsiteX205" fmla="*/ 2470381 w 11269336"/>
              <a:gd name="connsiteY205" fmla="*/ 2038256 h 2323145"/>
              <a:gd name="connsiteX206" fmla="*/ 2433781 w 11269336"/>
              <a:gd name="connsiteY206" fmla="*/ 2049140 h 2323145"/>
              <a:gd name="connsiteX207" fmla="*/ 2381172 w 11269336"/>
              <a:gd name="connsiteY207" fmla="*/ 2030645 h 2323145"/>
              <a:gd name="connsiteX208" fmla="*/ 2360198 w 11269336"/>
              <a:gd name="connsiteY208" fmla="*/ 2029059 h 2323145"/>
              <a:gd name="connsiteX209" fmla="*/ 2348815 w 11269336"/>
              <a:gd name="connsiteY209" fmla="*/ 2026798 h 2323145"/>
              <a:gd name="connsiteX210" fmla="*/ 2347988 w 11269336"/>
              <a:gd name="connsiteY210" fmla="*/ 2025745 h 2323145"/>
              <a:gd name="connsiteX211" fmla="*/ 2312920 w 11269336"/>
              <a:gd name="connsiteY211" fmla="*/ 2036311 h 2323145"/>
              <a:gd name="connsiteX212" fmla="*/ 2307986 w 11269336"/>
              <a:gd name="connsiteY212" fmla="*/ 2035583 h 2323145"/>
              <a:gd name="connsiteX213" fmla="*/ 2285481 w 11269336"/>
              <a:gd name="connsiteY213" fmla="*/ 2045197 h 2323145"/>
              <a:gd name="connsiteX214" fmla="*/ 2273666 w 11269336"/>
              <a:gd name="connsiteY214" fmla="*/ 2048710 h 2323145"/>
              <a:gd name="connsiteX215" fmla="*/ 2270719 w 11269336"/>
              <a:gd name="connsiteY215" fmla="*/ 2052702 h 2323145"/>
              <a:gd name="connsiteX216" fmla="*/ 2253080 w 11269336"/>
              <a:gd name="connsiteY216" fmla="*/ 2056363 h 2323145"/>
              <a:gd name="connsiteX217" fmla="*/ 2250906 w 11269336"/>
              <a:gd name="connsiteY217" fmla="*/ 2055654 h 2323145"/>
              <a:gd name="connsiteX218" fmla="*/ 2236905 w 11269336"/>
              <a:gd name="connsiteY218" fmla="*/ 2062882 h 2323145"/>
              <a:gd name="connsiteX219" fmla="*/ 2225830 w 11269336"/>
              <a:gd name="connsiteY219" fmla="*/ 2074027 h 2323145"/>
              <a:gd name="connsiteX220" fmla="*/ 2073776 w 11269336"/>
              <a:gd name="connsiteY220" fmla="*/ 2089244 h 2323145"/>
              <a:gd name="connsiteX221" fmla="*/ 1948256 w 11269336"/>
              <a:gd name="connsiteY221" fmla="*/ 2146616 h 2323145"/>
              <a:gd name="connsiteX222" fmla="*/ 1865582 w 11269336"/>
              <a:gd name="connsiteY222" fmla="*/ 2153738 h 2323145"/>
              <a:gd name="connsiteX223" fmla="*/ 1835210 w 11269336"/>
              <a:gd name="connsiteY223" fmla="*/ 2134244 h 2323145"/>
              <a:gd name="connsiteX224" fmla="*/ 1632661 w 11269336"/>
              <a:gd name="connsiteY224" fmla="*/ 2173882 h 2323145"/>
              <a:gd name="connsiteX225" fmla="*/ 1579590 w 11269336"/>
              <a:gd name="connsiteY225" fmla="*/ 2173680 h 2323145"/>
              <a:gd name="connsiteX226" fmla="*/ 1535601 w 11269336"/>
              <a:gd name="connsiteY226" fmla="*/ 2194590 h 2323145"/>
              <a:gd name="connsiteX227" fmla="*/ 1515594 w 11269336"/>
              <a:gd name="connsiteY227" fmla="*/ 2189622 h 2323145"/>
              <a:gd name="connsiteX228" fmla="*/ 1512113 w 11269336"/>
              <a:gd name="connsiteY228" fmla="*/ 2188534 h 2323145"/>
              <a:gd name="connsiteX229" fmla="*/ 1498838 w 11269336"/>
              <a:gd name="connsiteY229" fmla="*/ 2189213 h 2323145"/>
              <a:gd name="connsiteX230" fmla="*/ 1494279 w 11269336"/>
              <a:gd name="connsiteY230" fmla="*/ 2183112 h 2323145"/>
              <a:gd name="connsiteX231" fmla="*/ 1473714 w 11269336"/>
              <a:gd name="connsiteY231" fmla="*/ 2179625 h 2323145"/>
              <a:gd name="connsiteX232" fmla="*/ 1449503 w 11269336"/>
              <a:gd name="connsiteY232" fmla="*/ 2182633 h 2323145"/>
              <a:gd name="connsiteX233" fmla="*/ 1266687 w 11269336"/>
              <a:gd name="connsiteY233" fmla="*/ 2212688 h 2323145"/>
              <a:gd name="connsiteX234" fmla="*/ 1239614 w 11269336"/>
              <a:gd name="connsiteY234" fmla="*/ 2209727 h 2323145"/>
              <a:gd name="connsiteX235" fmla="*/ 1202436 w 11269336"/>
              <a:gd name="connsiteY235" fmla="*/ 2209817 h 2323145"/>
              <a:gd name="connsiteX236" fmla="*/ 1136097 w 11269336"/>
              <a:gd name="connsiteY236" fmla="*/ 2205112 h 2323145"/>
              <a:gd name="connsiteX237" fmla="*/ 988232 w 11269336"/>
              <a:gd name="connsiteY237" fmla="*/ 2235635 h 2323145"/>
              <a:gd name="connsiteX238" fmla="*/ 981959 w 11269336"/>
              <a:gd name="connsiteY238" fmla="*/ 2231607 h 2323145"/>
              <a:gd name="connsiteX239" fmla="*/ 938600 w 11269336"/>
              <a:gd name="connsiteY239" fmla="*/ 2238113 h 2323145"/>
              <a:gd name="connsiteX240" fmla="*/ 791788 w 11269336"/>
              <a:gd name="connsiteY240" fmla="*/ 2293224 h 2323145"/>
              <a:gd name="connsiteX241" fmla="*/ 706914 w 11269336"/>
              <a:gd name="connsiteY241" fmla="*/ 2305046 h 2323145"/>
              <a:gd name="connsiteX242" fmla="*/ 675971 w 11269336"/>
              <a:gd name="connsiteY242" fmla="*/ 2304030 h 2323145"/>
              <a:gd name="connsiteX243" fmla="*/ 624180 w 11269336"/>
              <a:gd name="connsiteY243" fmla="*/ 2302650 h 2323145"/>
              <a:gd name="connsiteX244" fmla="*/ 583453 w 11269336"/>
              <a:gd name="connsiteY244" fmla="*/ 2288788 h 2323145"/>
              <a:gd name="connsiteX245" fmla="*/ 540946 w 11269336"/>
              <a:gd name="connsiteY245" fmla="*/ 2292721 h 2323145"/>
              <a:gd name="connsiteX246" fmla="*/ 533680 w 11269336"/>
              <a:gd name="connsiteY246" fmla="*/ 2310233 h 2323145"/>
              <a:gd name="connsiteX247" fmla="*/ 487366 w 11269336"/>
              <a:gd name="connsiteY247" fmla="*/ 2309053 h 2323145"/>
              <a:gd name="connsiteX248" fmla="*/ 416820 w 11269336"/>
              <a:gd name="connsiteY248" fmla="*/ 2305443 h 2323145"/>
              <a:gd name="connsiteX249" fmla="*/ 376805 w 11269336"/>
              <a:gd name="connsiteY249" fmla="*/ 2307647 h 2323145"/>
              <a:gd name="connsiteX250" fmla="*/ 266777 w 11269336"/>
              <a:gd name="connsiteY250" fmla="*/ 2309012 h 2323145"/>
              <a:gd name="connsiteX251" fmla="*/ 156013 w 11269336"/>
              <a:gd name="connsiteY251" fmla="*/ 2306832 h 2323145"/>
              <a:gd name="connsiteX252" fmla="*/ 87258 w 11269336"/>
              <a:gd name="connsiteY252" fmla="*/ 2285511 h 2323145"/>
              <a:gd name="connsiteX253" fmla="*/ 23798 w 11269336"/>
              <a:gd name="connsiteY253" fmla="*/ 2281822 h 2323145"/>
              <a:gd name="connsiteX254" fmla="*/ 0 w 11269336"/>
              <a:gd name="connsiteY254" fmla="*/ 2285369 h 2323145"/>
              <a:gd name="connsiteX255" fmla="*/ 0 w 11269336"/>
              <a:gd name="connsiteY255"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92832 w 11269336"/>
              <a:gd name="connsiteY142" fmla="*/ 2188033 h 2323145"/>
              <a:gd name="connsiteX143" fmla="*/ 4467257 w 11269336"/>
              <a:gd name="connsiteY143" fmla="*/ 2196121 h 2323145"/>
              <a:gd name="connsiteX144" fmla="*/ 4405765 w 11269336"/>
              <a:gd name="connsiteY144" fmla="*/ 2199902 h 2323145"/>
              <a:gd name="connsiteX145" fmla="*/ 4401354 w 11269336"/>
              <a:gd name="connsiteY145" fmla="*/ 2194745 h 2323145"/>
              <a:gd name="connsiteX146" fmla="*/ 4366646 w 11269336"/>
              <a:gd name="connsiteY146" fmla="*/ 2198564 h 2323145"/>
              <a:gd name="connsiteX147" fmla="*/ 4354009 w 11269336"/>
              <a:gd name="connsiteY147" fmla="*/ 2204984 h 2323145"/>
              <a:gd name="connsiteX148" fmla="*/ 4348284 w 11269336"/>
              <a:gd name="connsiteY148" fmla="*/ 2205270 h 2323145"/>
              <a:gd name="connsiteX149" fmla="*/ 4333906 w 11269336"/>
              <a:gd name="connsiteY149" fmla="*/ 2205251 h 2323145"/>
              <a:gd name="connsiteX150" fmla="*/ 4308819 w 11269336"/>
              <a:gd name="connsiteY150" fmla="*/ 2203822 h 2323145"/>
              <a:gd name="connsiteX151" fmla="*/ 4301210 w 11269336"/>
              <a:gd name="connsiteY151" fmla="*/ 2204456 h 2323145"/>
              <a:gd name="connsiteX152" fmla="*/ 4283095 w 11269336"/>
              <a:gd name="connsiteY152" fmla="*/ 2198177 h 2323145"/>
              <a:gd name="connsiteX153" fmla="*/ 4250119 w 11269336"/>
              <a:gd name="connsiteY153" fmla="*/ 2196342 h 2323145"/>
              <a:gd name="connsiteX154" fmla="*/ 4189203 w 11269336"/>
              <a:gd name="connsiteY154" fmla="*/ 2178994 h 2323145"/>
              <a:gd name="connsiteX155" fmla="*/ 4154035 w 11269336"/>
              <a:gd name="connsiteY155" fmla="*/ 2171950 h 2323145"/>
              <a:gd name="connsiteX156" fmla="*/ 4129569 w 11269336"/>
              <a:gd name="connsiteY156" fmla="*/ 2163850 h 2323145"/>
              <a:gd name="connsiteX157" fmla="*/ 4061250 w 11269336"/>
              <a:gd name="connsiteY157" fmla="*/ 2159236 h 2323145"/>
              <a:gd name="connsiteX158" fmla="*/ 3945480 w 11269336"/>
              <a:gd name="connsiteY158" fmla="*/ 2158279 h 2323145"/>
              <a:gd name="connsiteX159" fmla="*/ 3921468 w 11269336"/>
              <a:gd name="connsiteY159" fmla="*/ 2156588 h 2323145"/>
              <a:gd name="connsiteX160" fmla="*/ 3903348 w 11269336"/>
              <a:gd name="connsiteY160" fmla="*/ 2149220 h 2323145"/>
              <a:gd name="connsiteX161" fmla="*/ 3901342 w 11269336"/>
              <a:gd name="connsiteY161" fmla="*/ 2142355 h 2323145"/>
              <a:gd name="connsiteX162" fmla="*/ 3888539 w 11269336"/>
              <a:gd name="connsiteY162" fmla="*/ 2140476 h 2323145"/>
              <a:gd name="connsiteX163" fmla="*/ 3885662 w 11269336"/>
              <a:gd name="connsiteY163" fmla="*/ 2138740 h 2323145"/>
              <a:gd name="connsiteX164" fmla="*/ 3868627 w 11269336"/>
              <a:gd name="connsiteY164" fmla="*/ 2130023 h 2323145"/>
              <a:gd name="connsiteX165" fmla="*/ 3819177 w 11269336"/>
              <a:gd name="connsiteY165" fmla="*/ 2142111 h 2323145"/>
              <a:gd name="connsiteX166" fmla="*/ 3769100 w 11269336"/>
              <a:gd name="connsiteY166" fmla="*/ 2131731 h 2323145"/>
              <a:gd name="connsiteX167" fmla="*/ 3562752 w 11269336"/>
              <a:gd name="connsiteY167" fmla="*/ 2131785 h 2323145"/>
              <a:gd name="connsiteX168" fmla="*/ 3541402 w 11269336"/>
              <a:gd name="connsiteY168" fmla="*/ 2106821 h 2323145"/>
              <a:gd name="connsiteX169" fmla="*/ 3365341 w 11269336"/>
              <a:gd name="connsiteY169" fmla="*/ 2077638 h 2323145"/>
              <a:gd name="connsiteX170" fmla="*/ 3170922 w 11269336"/>
              <a:gd name="connsiteY170" fmla="*/ 2115957 h 2323145"/>
              <a:gd name="connsiteX171" fmla="*/ 3156256 w 11269336"/>
              <a:gd name="connsiteY171" fmla="*/ 2124773 h 2323145"/>
              <a:gd name="connsiteX172" fmla="*/ 3140298 w 11269336"/>
              <a:gd name="connsiteY172" fmla="*/ 2129182 h 2323145"/>
              <a:gd name="connsiteX173" fmla="*/ 3138514 w 11269336"/>
              <a:gd name="connsiteY173" fmla="*/ 2128069 h 2323145"/>
              <a:gd name="connsiteX174" fmla="*/ 3120467 w 11269336"/>
              <a:gd name="connsiteY174" fmla="*/ 2128281 h 2323145"/>
              <a:gd name="connsiteX175" fmla="*/ 3116175 w 11269336"/>
              <a:gd name="connsiteY175" fmla="*/ 2131633 h 2323145"/>
              <a:gd name="connsiteX176" fmla="*/ 3103685 w 11269336"/>
              <a:gd name="connsiteY176" fmla="*/ 2132814 h 2323145"/>
              <a:gd name="connsiteX177" fmla="*/ 3078794 w 11269336"/>
              <a:gd name="connsiteY177" fmla="*/ 2137935 h 2323145"/>
              <a:gd name="connsiteX178" fmla="*/ 3074407 w 11269336"/>
              <a:gd name="connsiteY178" fmla="*/ 2136274 h 2323145"/>
              <a:gd name="connsiteX179" fmla="*/ 3037285 w 11269336"/>
              <a:gd name="connsiteY179" fmla="*/ 2139919 h 2323145"/>
              <a:gd name="connsiteX180" fmla="*/ 3036901 w 11269336"/>
              <a:gd name="connsiteY180" fmla="*/ 2138726 h 2323145"/>
              <a:gd name="connsiteX181" fmla="*/ 3026996 w 11269336"/>
              <a:gd name="connsiteY181" fmla="*/ 2134322 h 2323145"/>
              <a:gd name="connsiteX182" fmla="*/ 3007772 w 11269336"/>
              <a:gd name="connsiteY182" fmla="*/ 2128742 h 2323145"/>
              <a:gd name="connsiteX183" fmla="*/ 2965030 w 11269336"/>
              <a:gd name="connsiteY183" fmla="*/ 2100494 h 2323145"/>
              <a:gd name="connsiteX184" fmla="*/ 2926342 w 11269336"/>
              <a:gd name="connsiteY184" fmla="*/ 2104155 h 2323145"/>
              <a:gd name="connsiteX185" fmla="*/ 2918608 w 11269336"/>
              <a:gd name="connsiteY185" fmla="*/ 2104215 h 2323145"/>
              <a:gd name="connsiteX186" fmla="*/ 2918475 w 11269336"/>
              <a:gd name="connsiteY186" fmla="*/ 2103937 h 2323145"/>
              <a:gd name="connsiteX187" fmla="*/ 2910360 w 11269336"/>
              <a:gd name="connsiteY187" fmla="*/ 2103444 h 2323145"/>
              <a:gd name="connsiteX188" fmla="*/ 2904507 w 11269336"/>
              <a:gd name="connsiteY188" fmla="*/ 2104326 h 2323145"/>
              <a:gd name="connsiteX189" fmla="*/ 2889503 w 11269336"/>
              <a:gd name="connsiteY189" fmla="*/ 2104443 h 2323145"/>
              <a:gd name="connsiteX190" fmla="*/ 2884480 w 11269336"/>
              <a:gd name="connsiteY190" fmla="*/ 2102626 h 2323145"/>
              <a:gd name="connsiteX191" fmla="*/ 2882689 w 11269336"/>
              <a:gd name="connsiteY191" fmla="*/ 2099228 h 2323145"/>
              <a:gd name="connsiteX192" fmla="*/ 2881291 w 11269336"/>
              <a:gd name="connsiteY192" fmla="*/ 2099618 h 2323145"/>
              <a:gd name="connsiteX193" fmla="*/ 2853979 w 11269336"/>
              <a:gd name="connsiteY193" fmla="*/ 2090388 h 2323145"/>
              <a:gd name="connsiteX194" fmla="*/ 2791790 w 11269336"/>
              <a:gd name="connsiteY194" fmla="*/ 2080332 h 2323145"/>
              <a:gd name="connsiteX195" fmla="*/ 2755844 w 11269336"/>
              <a:gd name="connsiteY195" fmla="*/ 2078874 h 2323145"/>
              <a:gd name="connsiteX196" fmla="*/ 2657742 w 11269336"/>
              <a:gd name="connsiteY196" fmla="*/ 2070179 h 2323145"/>
              <a:gd name="connsiteX197" fmla="*/ 2559549 w 11269336"/>
              <a:gd name="connsiteY197" fmla="*/ 2057873 h 2323145"/>
              <a:gd name="connsiteX198" fmla="*/ 2512054 w 11269336"/>
              <a:gd name="connsiteY198" fmla="*/ 2031671 h 2323145"/>
              <a:gd name="connsiteX199" fmla="*/ 2506437 w 11269336"/>
              <a:gd name="connsiteY199" fmla="*/ 2030918 h 2323145"/>
              <a:gd name="connsiteX200" fmla="*/ 2491752 w 11269336"/>
              <a:gd name="connsiteY200" fmla="*/ 2033906 h 2323145"/>
              <a:gd name="connsiteX201" fmla="*/ 2486338 w 11269336"/>
              <a:gd name="connsiteY201" fmla="*/ 2035862 h 2323145"/>
              <a:gd name="connsiteX202" fmla="*/ 2478186 w 11269336"/>
              <a:gd name="connsiteY202" fmla="*/ 2036953 h 2323145"/>
              <a:gd name="connsiteX203" fmla="*/ 2477950 w 11269336"/>
              <a:gd name="connsiteY203" fmla="*/ 2036715 h 2323145"/>
              <a:gd name="connsiteX204" fmla="*/ 2470381 w 11269336"/>
              <a:gd name="connsiteY204" fmla="*/ 2038256 h 2323145"/>
              <a:gd name="connsiteX205" fmla="*/ 2433781 w 11269336"/>
              <a:gd name="connsiteY205" fmla="*/ 2049140 h 2323145"/>
              <a:gd name="connsiteX206" fmla="*/ 2381172 w 11269336"/>
              <a:gd name="connsiteY206" fmla="*/ 2030645 h 2323145"/>
              <a:gd name="connsiteX207" fmla="*/ 2360198 w 11269336"/>
              <a:gd name="connsiteY207" fmla="*/ 2029059 h 2323145"/>
              <a:gd name="connsiteX208" fmla="*/ 2348815 w 11269336"/>
              <a:gd name="connsiteY208" fmla="*/ 2026798 h 2323145"/>
              <a:gd name="connsiteX209" fmla="*/ 2347988 w 11269336"/>
              <a:gd name="connsiteY209" fmla="*/ 2025745 h 2323145"/>
              <a:gd name="connsiteX210" fmla="*/ 2312920 w 11269336"/>
              <a:gd name="connsiteY210" fmla="*/ 2036311 h 2323145"/>
              <a:gd name="connsiteX211" fmla="*/ 2307986 w 11269336"/>
              <a:gd name="connsiteY211" fmla="*/ 2035583 h 2323145"/>
              <a:gd name="connsiteX212" fmla="*/ 2285481 w 11269336"/>
              <a:gd name="connsiteY212" fmla="*/ 2045197 h 2323145"/>
              <a:gd name="connsiteX213" fmla="*/ 2273666 w 11269336"/>
              <a:gd name="connsiteY213" fmla="*/ 2048710 h 2323145"/>
              <a:gd name="connsiteX214" fmla="*/ 2270719 w 11269336"/>
              <a:gd name="connsiteY214" fmla="*/ 2052702 h 2323145"/>
              <a:gd name="connsiteX215" fmla="*/ 2253080 w 11269336"/>
              <a:gd name="connsiteY215" fmla="*/ 2056363 h 2323145"/>
              <a:gd name="connsiteX216" fmla="*/ 2250906 w 11269336"/>
              <a:gd name="connsiteY216" fmla="*/ 2055654 h 2323145"/>
              <a:gd name="connsiteX217" fmla="*/ 2236905 w 11269336"/>
              <a:gd name="connsiteY217" fmla="*/ 2062882 h 2323145"/>
              <a:gd name="connsiteX218" fmla="*/ 2225830 w 11269336"/>
              <a:gd name="connsiteY218" fmla="*/ 2074027 h 2323145"/>
              <a:gd name="connsiteX219" fmla="*/ 2073776 w 11269336"/>
              <a:gd name="connsiteY219" fmla="*/ 2089244 h 2323145"/>
              <a:gd name="connsiteX220" fmla="*/ 1948256 w 11269336"/>
              <a:gd name="connsiteY220" fmla="*/ 2146616 h 2323145"/>
              <a:gd name="connsiteX221" fmla="*/ 1865582 w 11269336"/>
              <a:gd name="connsiteY221" fmla="*/ 2153738 h 2323145"/>
              <a:gd name="connsiteX222" fmla="*/ 1835210 w 11269336"/>
              <a:gd name="connsiteY222" fmla="*/ 2134244 h 2323145"/>
              <a:gd name="connsiteX223" fmla="*/ 1632661 w 11269336"/>
              <a:gd name="connsiteY223" fmla="*/ 2173882 h 2323145"/>
              <a:gd name="connsiteX224" fmla="*/ 1579590 w 11269336"/>
              <a:gd name="connsiteY224" fmla="*/ 2173680 h 2323145"/>
              <a:gd name="connsiteX225" fmla="*/ 1535601 w 11269336"/>
              <a:gd name="connsiteY225" fmla="*/ 2194590 h 2323145"/>
              <a:gd name="connsiteX226" fmla="*/ 1515594 w 11269336"/>
              <a:gd name="connsiteY226" fmla="*/ 2189622 h 2323145"/>
              <a:gd name="connsiteX227" fmla="*/ 1512113 w 11269336"/>
              <a:gd name="connsiteY227" fmla="*/ 2188534 h 2323145"/>
              <a:gd name="connsiteX228" fmla="*/ 1498838 w 11269336"/>
              <a:gd name="connsiteY228" fmla="*/ 2189213 h 2323145"/>
              <a:gd name="connsiteX229" fmla="*/ 1494279 w 11269336"/>
              <a:gd name="connsiteY229" fmla="*/ 2183112 h 2323145"/>
              <a:gd name="connsiteX230" fmla="*/ 1473714 w 11269336"/>
              <a:gd name="connsiteY230" fmla="*/ 2179625 h 2323145"/>
              <a:gd name="connsiteX231" fmla="*/ 1449503 w 11269336"/>
              <a:gd name="connsiteY231" fmla="*/ 2182633 h 2323145"/>
              <a:gd name="connsiteX232" fmla="*/ 1266687 w 11269336"/>
              <a:gd name="connsiteY232" fmla="*/ 2212688 h 2323145"/>
              <a:gd name="connsiteX233" fmla="*/ 1239614 w 11269336"/>
              <a:gd name="connsiteY233" fmla="*/ 2209727 h 2323145"/>
              <a:gd name="connsiteX234" fmla="*/ 1202436 w 11269336"/>
              <a:gd name="connsiteY234" fmla="*/ 2209817 h 2323145"/>
              <a:gd name="connsiteX235" fmla="*/ 1136097 w 11269336"/>
              <a:gd name="connsiteY235" fmla="*/ 2205112 h 2323145"/>
              <a:gd name="connsiteX236" fmla="*/ 988232 w 11269336"/>
              <a:gd name="connsiteY236" fmla="*/ 2235635 h 2323145"/>
              <a:gd name="connsiteX237" fmla="*/ 981959 w 11269336"/>
              <a:gd name="connsiteY237" fmla="*/ 2231607 h 2323145"/>
              <a:gd name="connsiteX238" fmla="*/ 938600 w 11269336"/>
              <a:gd name="connsiteY238" fmla="*/ 2238113 h 2323145"/>
              <a:gd name="connsiteX239" fmla="*/ 791788 w 11269336"/>
              <a:gd name="connsiteY239" fmla="*/ 2293224 h 2323145"/>
              <a:gd name="connsiteX240" fmla="*/ 706914 w 11269336"/>
              <a:gd name="connsiteY240" fmla="*/ 2305046 h 2323145"/>
              <a:gd name="connsiteX241" fmla="*/ 675971 w 11269336"/>
              <a:gd name="connsiteY241" fmla="*/ 2304030 h 2323145"/>
              <a:gd name="connsiteX242" fmla="*/ 624180 w 11269336"/>
              <a:gd name="connsiteY242" fmla="*/ 2302650 h 2323145"/>
              <a:gd name="connsiteX243" fmla="*/ 583453 w 11269336"/>
              <a:gd name="connsiteY243" fmla="*/ 2288788 h 2323145"/>
              <a:gd name="connsiteX244" fmla="*/ 540946 w 11269336"/>
              <a:gd name="connsiteY244" fmla="*/ 2292721 h 2323145"/>
              <a:gd name="connsiteX245" fmla="*/ 533680 w 11269336"/>
              <a:gd name="connsiteY245" fmla="*/ 2310233 h 2323145"/>
              <a:gd name="connsiteX246" fmla="*/ 487366 w 11269336"/>
              <a:gd name="connsiteY246" fmla="*/ 2309053 h 2323145"/>
              <a:gd name="connsiteX247" fmla="*/ 416820 w 11269336"/>
              <a:gd name="connsiteY247" fmla="*/ 2305443 h 2323145"/>
              <a:gd name="connsiteX248" fmla="*/ 376805 w 11269336"/>
              <a:gd name="connsiteY248" fmla="*/ 2307647 h 2323145"/>
              <a:gd name="connsiteX249" fmla="*/ 266777 w 11269336"/>
              <a:gd name="connsiteY249" fmla="*/ 2309012 h 2323145"/>
              <a:gd name="connsiteX250" fmla="*/ 156013 w 11269336"/>
              <a:gd name="connsiteY250" fmla="*/ 2306832 h 2323145"/>
              <a:gd name="connsiteX251" fmla="*/ 87258 w 11269336"/>
              <a:gd name="connsiteY251" fmla="*/ 2285511 h 2323145"/>
              <a:gd name="connsiteX252" fmla="*/ 23798 w 11269336"/>
              <a:gd name="connsiteY252" fmla="*/ 2281822 h 2323145"/>
              <a:gd name="connsiteX253" fmla="*/ 0 w 11269336"/>
              <a:gd name="connsiteY253" fmla="*/ 2285369 h 2323145"/>
              <a:gd name="connsiteX254" fmla="*/ 0 w 11269336"/>
              <a:gd name="connsiteY254"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533444 w 11269336"/>
              <a:gd name="connsiteY141" fmla="*/ 2181200 h 2323145"/>
              <a:gd name="connsiteX142" fmla="*/ 4467257 w 11269336"/>
              <a:gd name="connsiteY142" fmla="*/ 2196121 h 2323145"/>
              <a:gd name="connsiteX143" fmla="*/ 4405765 w 11269336"/>
              <a:gd name="connsiteY143" fmla="*/ 2199902 h 2323145"/>
              <a:gd name="connsiteX144" fmla="*/ 4401354 w 11269336"/>
              <a:gd name="connsiteY144" fmla="*/ 2194745 h 2323145"/>
              <a:gd name="connsiteX145" fmla="*/ 4366646 w 11269336"/>
              <a:gd name="connsiteY145" fmla="*/ 2198564 h 2323145"/>
              <a:gd name="connsiteX146" fmla="*/ 4354009 w 11269336"/>
              <a:gd name="connsiteY146" fmla="*/ 2204984 h 2323145"/>
              <a:gd name="connsiteX147" fmla="*/ 4348284 w 11269336"/>
              <a:gd name="connsiteY147" fmla="*/ 2205270 h 2323145"/>
              <a:gd name="connsiteX148" fmla="*/ 4333906 w 11269336"/>
              <a:gd name="connsiteY148" fmla="*/ 2205251 h 2323145"/>
              <a:gd name="connsiteX149" fmla="*/ 4308819 w 11269336"/>
              <a:gd name="connsiteY149" fmla="*/ 2203822 h 2323145"/>
              <a:gd name="connsiteX150" fmla="*/ 4301210 w 11269336"/>
              <a:gd name="connsiteY150" fmla="*/ 2204456 h 2323145"/>
              <a:gd name="connsiteX151" fmla="*/ 4283095 w 11269336"/>
              <a:gd name="connsiteY151" fmla="*/ 2198177 h 2323145"/>
              <a:gd name="connsiteX152" fmla="*/ 4250119 w 11269336"/>
              <a:gd name="connsiteY152" fmla="*/ 2196342 h 2323145"/>
              <a:gd name="connsiteX153" fmla="*/ 4189203 w 11269336"/>
              <a:gd name="connsiteY153" fmla="*/ 2178994 h 2323145"/>
              <a:gd name="connsiteX154" fmla="*/ 4154035 w 11269336"/>
              <a:gd name="connsiteY154" fmla="*/ 2171950 h 2323145"/>
              <a:gd name="connsiteX155" fmla="*/ 4129569 w 11269336"/>
              <a:gd name="connsiteY155" fmla="*/ 2163850 h 2323145"/>
              <a:gd name="connsiteX156" fmla="*/ 4061250 w 11269336"/>
              <a:gd name="connsiteY156" fmla="*/ 2159236 h 2323145"/>
              <a:gd name="connsiteX157" fmla="*/ 3945480 w 11269336"/>
              <a:gd name="connsiteY157" fmla="*/ 2158279 h 2323145"/>
              <a:gd name="connsiteX158" fmla="*/ 3921468 w 11269336"/>
              <a:gd name="connsiteY158" fmla="*/ 2156588 h 2323145"/>
              <a:gd name="connsiteX159" fmla="*/ 3903348 w 11269336"/>
              <a:gd name="connsiteY159" fmla="*/ 2149220 h 2323145"/>
              <a:gd name="connsiteX160" fmla="*/ 3901342 w 11269336"/>
              <a:gd name="connsiteY160" fmla="*/ 2142355 h 2323145"/>
              <a:gd name="connsiteX161" fmla="*/ 3888539 w 11269336"/>
              <a:gd name="connsiteY161" fmla="*/ 2140476 h 2323145"/>
              <a:gd name="connsiteX162" fmla="*/ 3885662 w 11269336"/>
              <a:gd name="connsiteY162" fmla="*/ 2138740 h 2323145"/>
              <a:gd name="connsiteX163" fmla="*/ 3868627 w 11269336"/>
              <a:gd name="connsiteY163" fmla="*/ 2130023 h 2323145"/>
              <a:gd name="connsiteX164" fmla="*/ 3819177 w 11269336"/>
              <a:gd name="connsiteY164" fmla="*/ 2142111 h 2323145"/>
              <a:gd name="connsiteX165" fmla="*/ 3769100 w 11269336"/>
              <a:gd name="connsiteY165" fmla="*/ 2131731 h 2323145"/>
              <a:gd name="connsiteX166" fmla="*/ 3562752 w 11269336"/>
              <a:gd name="connsiteY166" fmla="*/ 2131785 h 2323145"/>
              <a:gd name="connsiteX167" fmla="*/ 3541402 w 11269336"/>
              <a:gd name="connsiteY167" fmla="*/ 2106821 h 2323145"/>
              <a:gd name="connsiteX168" fmla="*/ 3365341 w 11269336"/>
              <a:gd name="connsiteY168" fmla="*/ 2077638 h 2323145"/>
              <a:gd name="connsiteX169" fmla="*/ 3170922 w 11269336"/>
              <a:gd name="connsiteY169" fmla="*/ 2115957 h 2323145"/>
              <a:gd name="connsiteX170" fmla="*/ 3156256 w 11269336"/>
              <a:gd name="connsiteY170" fmla="*/ 2124773 h 2323145"/>
              <a:gd name="connsiteX171" fmla="*/ 3140298 w 11269336"/>
              <a:gd name="connsiteY171" fmla="*/ 2129182 h 2323145"/>
              <a:gd name="connsiteX172" fmla="*/ 3138514 w 11269336"/>
              <a:gd name="connsiteY172" fmla="*/ 2128069 h 2323145"/>
              <a:gd name="connsiteX173" fmla="*/ 3120467 w 11269336"/>
              <a:gd name="connsiteY173" fmla="*/ 2128281 h 2323145"/>
              <a:gd name="connsiteX174" fmla="*/ 3116175 w 11269336"/>
              <a:gd name="connsiteY174" fmla="*/ 2131633 h 2323145"/>
              <a:gd name="connsiteX175" fmla="*/ 3103685 w 11269336"/>
              <a:gd name="connsiteY175" fmla="*/ 2132814 h 2323145"/>
              <a:gd name="connsiteX176" fmla="*/ 3078794 w 11269336"/>
              <a:gd name="connsiteY176" fmla="*/ 2137935 h 2323145"/>
              <a:gd name="connsiteX177" fmla="*/ 3074407 w 11269336"/>
              <a:gd name="connsiteY177" fmla="*/ 2136274 h 2323145"/>
              <a:gd name="connsiteX178" fmla="*/ 3037285 w 11269336"/>
              <a:gd name="connsiteY178" fmla="*/ 2139919 h 2323145"/>
              <a:gd name="connsiteX179" fmla="*/ 3036901 w 11269336"/>
              <a:gd name="connsiteY179" fmla="*/ 2138726 h 2323145"/>
              <a:gd name="connsiteX180" fmla="*/ 3026996 w 11269336"/>
              <a:gd name="connsiteY180" fmla="*/ 2134322 h 2323145"/>
              <a:gd name="connsiteX181" fmla="*/ 3007772 w 11269336"/>
              <a:gd name="connsiteY181" fmla="*/ 2128742 h 2323145"/>
              <a:gd name="connsiteX182" fmla="*/ 2965030 w 11269336"/>
              <a:gd name="connsiteY182" fmla="*/ 2100494 h 2323145"/>
              <a:gd name="connsiteX183" fmla="*/ 2926342 w 11269336"/>
              <a:gd name="connsiteY183" fmla="*/ 2104155 h 2323145"/>
              <a:gd name="connsiteX184" fmla="*/ 2918608 w 11269336"/>
              <a:gd name="connsiteY184" fmla="*/ 2104215 h 2323145"/>
              <a:gd name="connsiteX185" fmla="*/ 2918475 w 11269336"/>
              <a:gd name="connsiteY185" fmla="*/ 2103937 h 2323145"/>
              <a:gd name="connsiteX186" fmla="*/ 2910360 w 11269336"/>
              <a:gd name="connsiteY186" fmla="*/ 2103444 h 2323145"/>
              <a:gd name="connsiteX187" fmla="*/ 2904507 w 11269336"/>
              <a:gd name="connsiteY187" fmla="*/ 2104326 h 2323145"/>
              <a:gd name="connsiteX188" fmla="*/ 2889503 w 11269336"/>
              <a:gd name="connsiteY188" fmla="*/ 2104443 h 2323145"/>
              <a:gd name="connsiteX189" fmla="*/ 2884480 w 11269336"/>
              <a:gd name="connsiteY189" fmla="*/ 2102626 h 2323145"/>
              <a:gd name="connsiteX190" fmla="*/ 2882689 w 11269336"/>
              <a:gd name="connsiteY190" fmla="*/ 2099228 h 2323145"/>
              <a:gd name="connsiteX191" fmla="*/ 2881291 w 11269336"/>
              <a:gd name="connsiteY191" fmla="*/ 2099618 h 2323145"/>
              <a:gd name="connsiteX192" fmla="*/ 2853979 w 11269336"/>
              <a:gd name="connsiteY192" fmla="*/ 2090388 h 2323145"/>
              <a:gd name="connsiteX193" fmla="*/ 2791790 w 11269336"/>
              <a:gd name="connsiteY193" fmla="*/ 2080332 h 2323145"/>
              <a:gd name="connsiteX194" fmla="*/ 2755844 w 11269336"/>
              <a:gd name="connsiteY194" fmla="*/ 2078874 h 2323145"/>
              <a:gd name="connsiteX195" fmla="*/ 2657742 w 11269336"/>
              <a:gd name="connsiteY195" fmla="*/ 2070179 h 2323145"/>
              <a:gd name="connsiteX196" fmla="*/ 2559549 w 11269336"/>
              <a:gd name="connsiteY196" fmla="*/ 2057873 h 2323145"/>
              <a:gd name="connsiteX197" fmla="*/ 2512054 w 11269336"/>
              <a:gd name="connsiteY197" fmla="*/ 2031671 h 2323145"/>
              <a:gd name="connsiteX198" fmla="*/ 2506437 w 11269336"/>
              <a:gd name="connsiteY198" fmla="*/ 2030918 h 2323145"/>
              <a:gd name="connsiteX199" fmla="*/ 2491752 w 11269336"/>
              <a:gd name="connsiteY199" fmla="*/ 2033906 h 2323145"/>
              <a:gd name="connsiteX200" fmla="*/ 2486338 w 11269336"/>
              <a:gd name="connsiteY200" fmla="*/ 2035862 h 2323145"/>
              <a:gd name="connsiteX201" fmla="*/ 2478186 w 11269336"/>
              <a:gd name="connsiteY201" fmla="*/ 2036953 h 2323145"/>
              <a:gd name="connsiteX202" fmla="*/ 2477950 w 11269336"/>
              <a:gd name="connsiteY202" fmla="*/ 2036715 h 2323145"/>
              <a:gd name="connsiteX203" fmla="*/ 2470381 w 11269336"/>
              <a:gd name="connsiteY203" fmla="*/ 2038256 h 2323145"/>
              <a:gd name="connsiteX204" fmla="*/ 2433781 w 11269336"/>
              <a:gd name="connsiteY204" fmla="*/ 2049140 h 2323145"/>
              <a:gd name="connsiteX205" fmla="*/ 2381172 w 11269336"/>
              <a:gd name="connsiteY205" fmla="*/ 2030645 h 2323145"/>
              <a:gd name="connsiteX206" fmla="*/ 2360198 w 11269336"/>
              <a:gd name="connsiteY206" fmla="*/ 2029059 h 2323145"/>
              <a:gd name="connsiteX207" fmla="*/ 2348815 w 11269336"/>
              <a:gd name="connsiteY207" fmla="*/ 2026798 h 2323145"/>
              <a:gd name="connsiteX208" fmla="*/ 2347988 w 11269336"/>
              <a:gd name="connsiteY208" fmla="*/ 2025745 h 2323145"/>
              <a:gd name="connsiteX209" fmla="*/ 2312920 w 11269336"/>
              <a:gd name="connsiteY209" fmla="*/ 2036311 h 2323145"/>
              <a:gd name="connsiteX210" fmla="*/ 2307986 w 11269336"/>
              <a:gd name="connsiteY210" fmla="*/ 2035583 h 2323145"/>
              <a:gd name="connsiteX211" fmla="*/ 2285481 w 11269336"/>
              <a:gd name="connsiteY211" fmla="*/ 2045197 h 2323145"/>
              <a:gd name="connsiteX212" fmla="*/ 2273666 w 11269336"/>
              <a:gd name="connsiteY212" fmla="*/ 2048710 h 2323145"/>
              <a:gd name="connsiteX213" fmla="*/ 2270719 w 11269336"/>
              <a:gd name="connsiteY213" fmla="*/ 2052702 h 2323145"/>
              <a:gd name="connsiteX214" fmla="*/ 2253080 w 11269336"/>
              <a:gd name="connsiteY214" fmla="*/ 2056363 h 2323145"/>
              <a:gd name="connsiteX215" fmla="*/ 2250906 w 11269336"/>
              <a:gd name="connsiteY215" fmla="*/ 2055654 h 2323145"/>
              <a:gd name="connsiteX216" fmla="*/ 2236905 w 11269336"/>
              <a:gd name="connsiteY216" fmla="*/ 2062882 h 2323145"/>
              <a:gd name="connsiteX217" fmla="*/ 2225830 w 11269336"/>
              <a:gd name="connsiteY217" fmla="*/ 2074027 h 2323145"/>
              <a:gd name="connsiteX218" fmla="*/ 2073776 w 11269336"/>
              <a:gd name="connsiteY218" fmla="*/ 2089244 h 2323145"/>
              <a:gd name="connsiteX219" fmla="*/ 1948256 w 11269336"/>
              <a:gd name="connsiteY219" fmla="*/ 2146616 h 2323145"/>
              <a:gd name="connsiteX220" fmla="*/ 1865582 w 11269336"/>
              <a:gd name="connsiteY220" fmla="*/ 2153738 h 2323145"/>
              <a:gd name="connsiteX221" fmla="*/ 1835210 w 11269336"/>
              <a:gd name="connsiteY221" fmla="*/ 2134244 h 2323145"/>
              <a:gd name="connsiteX222" fmla="*/ 1632661 w 11269336"/>
              <a:gd name="connsiteY222" fmla="*/ 2173882 h 2323145"/>
              <a:gd name="connsiteX223" fmla="*/ 1579590 w 11269336"/>
              <a:gd name="connsiteY223" fmla="*/ 2173680 h 2323145"/>
              <a:gd name="connsiteX224" fmla="*/ 1535601 w 11269336"/>
              <a:gd name="connsiteY224" fmla="*/ 2194590 h 2323145"/>
              <a:gd name="connsiteX225" fmla="*/ 1515594 w 11269336"/>
              <a:gd name="connsiteY225" fmla="*/ 2189622 h 2323145"/>
              <a:gd name="connsiteX226" fmla="*/ 1512113 w 11269336"/>
              <a:gd name="connsiteY226" fmla="*/ 2188534 h 2323145"/>
              <a:gd name="connsiteX227" fmla="*/ 1498838 w 11269336"/>
              <a:gd name="connsiteY227" fmla="*/ 2189213 h 2323145"/>
              <a:gd name="connsiteX228" fmla="*/ 1494279 w 11269336"/>
              <a:gd name="connsiteY228" fmla="*/ 2183112 h 2323145"/>
              <a:gd name="connsiteX229" fmla="*/ 1473714 w 11269336"/>
              <a:gd name="connsiteY229" fmla="*/ 2179625 h 2323145"/>
              <a:gd name="connsiteX230" fmla="*/ 1449503 w 11269336"/>
              <a:gd name="connsiteY230" fmla="*/ 2182633 h 2323145"/>
              <a:gd name="connsiteX231" fmla="*/ 1266687 w 11269336"/>
              <a:gd name="connsiteY231" fmla="*/ 2212688 h 2323145"/>
              <a:gd name="connsiteX232" fmla="*/ 1239614 w 11269336"/>
              <a:gd name="connsiteY232" fmla="*/ 2209727 h 2323145"/>
              <a:gd name="connsiteX233" fmla="*/ 1202436 w 11269336"/>
              <a:gd name="connsiteY233" fmla="*/ 2209817 h 2323145"/>
              <a:gd name="connsiteX234" fmla="*/ 1136097 w 11269336"/>
              <a:gd name="connsiteY234" fmla="*/ 2205112 h 2323145"/>
              <a:gd name="connsiteX235" fmla="*/ 988232 w 11269336"/>
              <a:gd name="connsiteY235" fmla="*/ 2235635 h 2323145"/>
              <a:gd name="connsiteX236" fmla="*/ 981959 w 11269336"/>
              <a:gd name="connsiteY236" fmla="*/ 2231607 h 2323145"/>
              <a:gd name="connsiteX237" fmla="*/ 938600 w 11269336"/>
              <a:gd name="connsiteY237" fmla="*/ 2238113 h 2323145"/>
              <a:gd name="connsiteX238" fmla="*/ 791788 w 11269336"/>
              <a:gd name="connsiteY238" fmla="*/ 2293224 h 2323145"/>
              <a:gd name="connsiteX239" fmla="*/ 706914 w 11269336"/>
              <a:gd name="connsiteY239" fmla="*/ 2305046 h 2323145"/>
              <a:gd name="connsiteX240" fmla="*/ 675971 w 11269336"/>
              <a:gd name="connsiteY240" fmla="*/ 2304030 h 2323145"/>
              <a:gd name="connsiteX241" fmla="*/ 624180 w 11269336"/>
              <a:gd name="connsiteY241" fmla="*/ 2302650 h 2323145"/>
              <a:gd name="connsiteX242" fmla="*/ 583453 w 11269336"/>
              <a:gd name="connsiteY242" fmla="*/ 2288788 h 2323145"/>
              <a:gd name="connsiteX243" fmla="*/ 540946 w 11269336"/>
              <a:gd name="connsiteY243" fmla="*/ 2292721 h 2323145"/>
              <a:gd name="connsiteX244" fmla="*/ 533680 w 11269336"/>
              <a:gd name="connsiteY244" fmla="*/ 2310233 h 2323145"/>
              <a:gd name="connsiteX245" fmla="*/ 487366 w 11269336"/>
              <a:gd name="connsiteY245" fmla="*/ 2309053 h 2323145"/>
              <a:gd name="connsiteX246" fmla="*/ 416820 w 11269336"/>
              <a:gd name="connsiteY246" fmla="*/ 2305443 h 2323145"/>
              <a:gd name="connsiteX247" fmla="*/ 376805 w 11269336"/>
              <a:gd name="connsiteY247" fmla="*/ 2307647 h 2323145"/>
              <a:gd name="connsiteX248" fmla="*/ 266777 w 11269336"/>
              <a:gd name="connsiteY248" fmla="*/ 2309012 h 2323145"/>
              <a:gd name="connsiteX249" fmla="*/ 156013 w 11269336"/>
              <a:gd name="connsiteY249" fmla="*/ 2306832 h 2323145"/>
              <a:gd name="connsiteX250" fmla="*/ 87258 w 11269336"/>
              <a:gd name="connsiteY250" fmla="*/ 2285511 h 2323145"/>
              <a:gd name="connsiteX251" fmla="*/ 23798 w 11269336"/>
              <a:gd name="connsiteY251" fmla="*/ 2281822 h 2323145"/>
              <a:gd name="connsiteX252" fmla="*/ 0 w 11269336"/>
              <a:gd name="connsiteY252" fmla="*/ 2285369 h 2323145"/>
              <a:gd name="connsiteX253" fmla="*/ 0 w 11269336"/>
              <a:gd name="connsiteY253"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67257 w 11269336"/>
              <a:gd name="connsiteY141" fmla="*/ 2196121 h 2323145"/>
              <a:gd name="connsiteX142" fmla="*/ 4405765 w 11269336"/>
              <a:gd name="connsiteY142" fmla="*/ 2199902 h 2323145"/>
              <a:gd name="connsiteX143" fmla="*/ 4401354 w 11269336"/>
              <a:gd name="connsiteY143" fmla="*/ 2194745 h 2323145"/>
              <a:gd name="connsiteX144" fmla="*/ 4366646 w 11269336"/>
              <a:gd name="connsiteY144" fmla="*/ 2198564 h 2323145"/>
              <a:gd name="connsiteX145" fmla="*/ 4354009 w 11269336"/>
              <a:gd name="connsiteY145" fmla="*/ 2204984 h 2323145"/>
              <a:gd name="connsiteX146" fmla="*/ 4348284 w 11269336"/>
              <a:gd name="connsiteY146" fmla="*/ 2205270 h 2323145"/>
              <a:gd name="connsiteX147" fmla="*/ 4333906 w 11269336"/>
              <a:gd name="connsiteY147" fmla="*/ 2205251 h 2323145"/>
              <a:gd name="connsiteX148" fmla="*/ 4308819 w 11269336"/>
              <a:gd name="connsiteY148" fmla="*/ 2203822 h 2323145"/>
              <a:gd name="connsiteX149" fmla="*/ 4301210 w 11269336"/>
              <a:gd name="connsiteY149" fmla="*/ 2204456 h 2323145"/>
              <a:gd name="connsiteX150" fmla="*/ 4283095 w 11269336"/>
              <a:gd name="connsiteY150" fmla="*/ 2198177 h 2323145"/>
              <a:gd name="connsiteX151" fmla="*/ 4250119 w 11269336"/>
              <a:gd name="connsiteY151" fmla="*/ 2196342 h 2323145"/>
              <a:gd name="connsiteX152" fmla="*/ 4189203 w 11269336"/>
              <a:gd name="connsiteY152" fmla="*/ 2178994 h 2323145"/>
              <a:gd name="connsiteX153" fmla="*/ 4154035 w 11269336"/>
              <a:gd name="connsiteY153" fmla="*/ 2171950 h 2323145"/>
              <a:gd name="connsiteX154" fmla="*/ 4129569 w 11269336"/>
              <a:gd name="connsiteY154" fmla="*/ 2163850 h 2323145"/>
              <a:gd name="connsiteX155" fmla="*/ 4061250 w 11269336"/>
              <a:gd name="connsiteY155" fmla="*/ 2159236 h 2323145"/>
              <a:gd name="connsiteX156" fmla="*/ 3945480 w 11269336"/>
              <a:gd name="connsiteY156" fmla="*/ 2158279 h 2323145"/>
              <a:gd name="connsiteX157" fmla="*/ 3921468 w 11269336"/>
              <a:gd name="connsiteY157" fmla="*/ 2156588 h 2323145"/>
              <a:gd name="connsiteX158" fmla="*/ 3903348 w 11269336"/>
              <a:gd name="connsiteY158" fmla="*/ 2149220 h 2323145"/>
              <a:gd name="connsiteX159" fmla="*/ 3901342 w 11269336"/>
              <a:gd name="connsiteY159" fmla="*/ 2142355 h 2323145"/>
              <a:gd name="connsiteX160" fmla="*/ 3888539 w 11269336"/>
              <a:gd name="connsiteY160" fmla="*/ 2140476 h 2323145"/>
              <a:gd name="connsiteX161" fmla="*/ 3885662 w 11269336"/>
              <a:gd name="connsiteY161" fmla="*/ 2138740 h 2323145"/>
              <a:gd name="connsiteX162" fmla="*/ 3868627 w 11269336"/>
              <a:gd name="connsiteY162" fmla="*/ 2130023 h 2323145"/>
              <a:gd name="connsiteX163" fmla="*/ 3819177 w 11269336"/>
              <a:gd name="connsiteY163" fmla="*/ 2142111 h 2323145"/>
              <a:gd name="connsiteX164" fmla="*/ 3769100 w 11269336"/>
              <a:gd name="connsiteY164" fmla="*/ 2131731 h 2323145"/>
              <a:gd name="connsiteX165" fmla="*/ 3562752 w 11269336"/>
              <a:gd name="connsiteY165" fmla="*/ 2131785 h 2323145"/>
              <a:gd name="connsiteX166" fmla="*/ 3541402 w 11269336"/>
              <a:gd name="connsiteY166" fmla="*/ 2106821 h 2323145"/>
              <a:gd name="connsiteX167" fmla="*/ 3365341 w 11269336"/>
              <a:gd name="connsiteY167" fmla="*/ 2077638 h 2323145"/>
              <a:gd name="connsiteX168" fmla="*/ 3170922 w 11269336"/>
              <a:gd name="connsiteY168" fmla="*/ 2115957 h 2323145"/>
              <a:gd name="connsiteX169" fmla="*/ 3156256 w 11269336"/>
              <a:gd name="connsiteY169" fmla="*/ 2124773 h 2323145"/>
              <a:gd name="connsiteX170" fmla="*/ 3140298 w 11269336"/>
              <a:gd name="connsiteY170" fmla="*/ 2129182 h 2323145"/>
              <a:gd name="connsiteX171" fmla="*/ 3138514 w 11269336"/>
              <a:gd name="connsiteY171" fmla="*/ 2128069 h 2323145"/>
              <a:gd name="connsiteX172" fmla="*/ 3120467 w 11269336"/>
              <a:gd name="connsiteY172" fmla="*/ 2128281 h 2323145"/>
              <a:gd name="connsiteX173" fmla="*/ 3116175 w 11269336"/>
              <a:gd name="connsiteY173" fmla="*/ 2131633 h 2323145"/>
              <a:gd name="connsiteX174" fmla="*/ 3103685 w 11269336"/>
              <a:gd name="connsiteY174" fmla="*/ 2132814 h 2323145"/>
              <a:gd name="connsiteX175" fmla="*/ 3078794 w 11269336"/>
              <a:gd name="connsiteY175" fmla="*/ 2137935 h 2323145"/>
              <a:gd name="connsiteX176" fmla="*/ 3074407 w 11269336"/>
              <a:gd name="connsiteY176" fmla="*/ 2136274 h 2323145"/>
              <a:gd name="connsiteX177" fmla="*/ 3037285 w 11269336"/>
              <a:gd name="connsiteY177" fmla="*/ 2139919 h 2323145"/>
              <a:gd name="connsiteX178" fmla="*/ 3036901 w 11269336"/>
              <a:gd name="connsiteY178" fmla="*/ 2138726 h 2323145"/>
              <a:gd name="connsiteX179" fmla="*/ 3026996 w 11269336"/>
              <a:gd name="connsiteY179" fmla="*/ 2134322 h 2323145"/>
              <a:gd name="connsiteX180" fmla="*/ 3007772 w 11269336"/>
              <a:gd name="connsiteY180" fmla="*/ 2128742 h 2323145"/>
              <a:gd name="connsiteX181" fmla="*/ 2965030 w 11269336"/>
              <a:gd name="connsiteY181" fmla="*/ 2100494 h 2323145"/>
              <a:gd name="connsiteX182" fmla="*/ 2926342 w 11269336"/>
              <a:gd name="connsiteY182" fmla="*/ 2104155 h 2323145"/>
              <a:gd name="connsiteX183" fmla="*/ 2918608 w 11269336"/>
              <a:gd name="connsiteY183" fmla="*/ 2104215 h 2323145"/>
              <a:gd name="connsiteX184" fmla="*/ 2918475 w 11269336"/>
              <a:gd name="connsiteY184" fmla="*/ 2103937 h 2323145"/>
              <a:gd name="connsiteX185" fmla="*/ 2910360 w 11269336"/>
              <a:gd name="connsiteY185" fmla="*/ 2103444 h 2323145"/>
              <a:gd name="connsiteX186" fmla="*/ 2904507 w 11269336"/>
              <a:gd name="connsiteY186" fmla="*/ 2104326 h 2323145"/>
              <a:gd name="connsiteX187" fmla="*/ 2889503 w 11269336"/>
              <a:gd name="connsiteY187" fmla="*/ 2104443 h 2323145"/>
              <a:gd name="connsiteX188" fmla="*/ 2884480 w 11269336"/>
              <a:gd name="connsiteY188" fmla="*/ 2102626 h 2323145"/>
              <a:gd name="connsiteX189" fmla="*/ 2882689 w 11269336"/>
              <a:gd name="connsiteY189" fmla="*/ 2099228 h 2323145"/>
              <a:gd name="connsiteX190" fmla="*/ 2881291 w 11269336"/>
              <a:gd name="connsiteY190" fmla="*/ 2099618 h 2323145"/>
              <a:gd name="connsiteX191" fmla="*/ 2853979 w 11269336"/>
              <a:gd name="connsiteY191" fmla="*/ 2090388 h 2323145"/>
              <a:gd name="connsiteX192" fmla="*/ 2791790 w 11269336"/>
              <a:gd name="connsiteY192" fmla="*/ 2080332 h 2323145"/>
              <a:gd name="connsiteX193" fmla="*/ 2755844 w 11269336"/>
              <a:gd name="connsiteY193" fmla="*/ 2078874 h 2323145"/>
              <a:gd name="connsiteX194" fmla="*/ 2657742 w 11269336"/>
              <a:gd name="connsiteY194" fmla="*/ 2070179 h 2323145"/>
              <a:gd name="connsiteX195" fmla="*/ 2559549 w 11269336"/>
              <a:gd name="connsiteY195" fmla="*/ 2057873 h 2323145"/>
              <a:gd name="connsiteX196" fmla="*/ 2512054 w 11269336"/>
              <a:gd name="connsiteY196" fmla="*/ 2031671 h 2323145"/>
              <a:gd name="connsiteX197" fmla="*/ 2506437 w 11269336"/>
              <a:gd name="connsiteY197" fmla="*/ 2030918 h 2323145"/>
              <a:gd name="connsiteX198" fmla="*/ 2491752 w 11269336"/>
              <a:gd name="connsiteY198" fmla="*/ 2033906 h 2323145"/>
              <a:gd name="connsiteX199" fmla="*/ 2486338 w 11269336"/>
              <a:gd name="connsiteY199" fmla="*/ 2035862 h 2323145"/>
              <a:gd name="connsiteX200" fmla="*/ 2478186 w 11269336"/>
              <a:gd name="connsiteY200" fmla="*/ 2036953 h 2323145"/>
              <a:gd name="connsiteX201" fmla="*/ 2477950 w 11269336"/>
              <a:gd name="connsiteY201" fmla="*/ 2036715 h 2323145"/>
              <a:gd name="connsiteX202" fmla="*/ 2470381 w 11269336"/>
              <a:gd name="connsiteY202" fmla="*/ 2038256 h 2323145"/>
              <a:gd name="connsiteX203" fmla="*/ 2433781 w 11269336"/>
              <a:gd name="connsiteY203" fmla="*/ 2049140 h 2323145"/>
              <a:gd name="connsiteX204" fmla="*/ 2381172 w 11269336"/>
              <a:gd name="connsiteY204" fmla="*/ 2030645 h 2323145"/>
              <a:gd name="connsiteX205" fmla="*/ 2360198 w 11269336"/>
              <a:gd name="connsiteY205" fmla="*/ 2029059 h 2323145"/>
              <a:gd name="connsiteX206" fmla="*/ 2348815 w 11269336"/>
              <a:gd name="connsiteY206" fmla="*/ 2026798 h 2323145"/>
              <a:gd name="connsiteX207" fmla="*/ 2347988 w 11269336"/>
              <a:gd name="connsiteY207" fmla="*/ 2025745 h 2323145"/>
              <a:gd name="connsiteX208" fmla="*/ 2312920 w 11269336"/>
              <a:gd name="connsiteY208" fmla="*/ 2036311 h 2323145"/>
              <a:gd name="connsiteX209" fmla="*/ 2307986 w 11269336"/>
              <a:gd name="connsiteY209" fmla="*/ 2035583 h 2323145"/>
              <a:gd name="connsiteX210" fmla="*/ 2285481 w 11269336"/>
              <a:gd name="connsiteY210" fmla="*/ 2045197 h 2323145"/>
              <a:gd name="connsiteX211" fmla="*/ 2273666 w 11269336"/>
              <a:gd name="connsiteY211" fmla="*/ 2048710 h 2323145"/>
              <a:gd name="connsiteX212" fmla="*/ 2270719 w 11269336"/>
              <a:gd name="connsiteY212" fmla="*/ 2052702 h 2323145"/>
              <a:gd name="connsiteX213" fmla="*/ 2253080 w 11269336"/>
              <a:gd name="connsiteY213" fmla="*/ 2056363 h 2323145"/>
              <a:gd name="connsiteX214" fmla="*/ 2250906 w 11269336"/>
              <a:gd name="connsiteY214" fmla="*/ 2055654 h 2323145"/>
              <a:gd name="connsiteX215" fmla="*/ 2236905 w 11269336"/>
              <a:gd name="connsiteY215" fmla="*/ 2062882 h 2323145"/>
              <a:gd name="connsiteX216" fmla="*/ 2225830 w 11269336"/>
              <a:gd name="connsiteY216" fmla="*/ 2074027 h 2323145"/>
              <a:gd name="connsiteX217" fmla="*/ 2073776 w 11269336"/>
              <a:gd name="connsiteY217" fmla="*/ 2089244 h 2323145"/>
              <a:gd name="connsiteX218" fmla="*/ 1948256 w 11269336"/>
              <a:gd name="connsiteY218" fmla="*/ 2146616 h 2323145"/>
              <a:gd name="connsiteX219" fmla="*/ 1865582 w 11269336"/>
              <a:gd name="connsiteY219" fmla="*/ 2153738 h 2323145"/>
              <a:gd name="connsiteX220" fmla="*/ 1835210 w 11269336"/>
              <a:gd name="connsiteY220" fmla="*/ 2134244 h 2323145"/>
              <a:gd name="connsiteX221" fmla="*/ 1632661 w 11269336"/>
              <a:gd name="connsiteY221" fmla="*/ 2173882 h 2323145"/>
              <a:gd name="connsiteX222" fmla="*/ 1579590 w 11269336"/>
              <a:gd name="connsiteY222" fmla="*/ 2173680 h 2323145"/>
              <a:gd name="connsiteX223" fmla="*/ 1535601 w 11269336"/>
              <a:gd name="connsiteY223" fmla="*/ 2194590 h 2323145"/>
              <a:gd name="connsiteX224" fmla="*/ 1515594 w 11269336"/>
              <a:gd name="connsiteY224" fmla="*/ 2189622 h 2323145"/>
              <a:gd name="connsiteX225" fmla="*/ 1512113 w 11269336"/>
              <a:gd name="connsiteY225" fmla="*/ 2188534 h 2323145"/>
              <a:gd name="connsiteX226" fmla="*/ 1498838 w 11269336"/>
              <a:gd name="connsiteY226" fmla="*/ 2189213 h 2323145"/>
              <a:gd name="connsiteX227" fmla="*/ 1494279 w 11269336"/>
              <a:gd name="connsiteY227" fmla="*/ 2183112 h 2323145"/>
              <a:gd name="connsiteX228" fmla="*/ 1473714 w 11269336"/>
              <a:gd name="connsiteY228" fmla="*/ 2179625 h 2323145"/>
              <a:gd name="connsiteX229" fmla="*/ 1449503 w 11269336"/>
              <a:gd name="connsiteY229" fmla="*/ 2182633 h 2323145"/>
              <a:gd name="connsiteX230" fmla="*/ 1266687 w 11269336"/>
              <a:gd name="connsiteY230" fmla="*/ 2212688 h 2323145"/>
              <a:gd name="connsiteX231" fmla="*/ 1239614 w 11269336"/>
              <a:gd name="connsiteY231" fmla="*/ 2209727 h 2323145"/>
              <a:gd name="connsiteX232" fmla="*/ 1202436 w 11269336"/>
              <a:gd name="connsiteY232" fmla="*/ 2209817 h 2323145"/>
              <a:gd name="connsiteX233" fmla="*/ 1136097 w 11269336"/>
              <a:gd name="connsiteY233" fmla="*/ 2205112 h 2323145"/>
              <a:gd name="connsiteX234" fmla="*/ 988232 w 11269336"/>
              <a:gd name="connsiteY234" fmla="*/ 2235635 h 2323145"/>
              <a:gd name="connsiteX235" fmla="*/ 981959 w 11269336"/>
              <a:gd name="connsiteY235" fmla="*/ 2231607 h 2323145"/>
              <a:gd name="connsiteX236" fmla="*/ 938600 w 11269336"/>
              <a:gd name="connsiteY236" fmla="*/ 2238113 h 2323145"/>
              <a:gd name="connsiteX237" fmla="*/ 791788 w 11269336"/>
              <a:gd name="connsiteY237" fmla="*/ 2293224 h 2323145"/>
              <a:gd name="connsiteX238" fmla="*/ 706914 w 11269336"/>
              <a:gd name="connsiteY238" fmla="*/ 2305046 h 2323145"/>
              <a:gd name="connsiteX239" fmla="*/ 675971 w 11269336"/>
              <a:gd name="connsiteY239" fmla="*/ 2304030 h 2323145"/>
              <a:gd name="connsiteX240" fmla="*/ 624180 w 11269336"/>
              <a:gd name="connsiteY240" fmla="*/ 2302650 h 2323145"/>
              <a:gd name="connsiteX241" fmla="*/ 583453 w 11269336"/>
              <a:gd name="connsiteY241" fmla="*/ 2288788 h 2323145"/>
              <a:gd name="connsiteX242" fmla="*/ 540946 w 11269336"/>
              <a:gd name="connsiteY242" fmla="*/ 2292721 h 2323145"/>
              <a:gd name="connsiteX243" fmla="*/ 533680 w 11269336"/>
              <a:gd name="connsiteY243" fmla="*/ 2310233 h 2323145"/>
              <a:gd name="connsiteX244" fmla="*/ 487366 w 11269336"/>
              <a:gd name="connsiteY244" fmla="*/ 2309053 h 2323145"/>
              <a:gd name="connsiteX245" fmla="*/ 416820 w 11269336"/>
              <a:gd name="connsiteY245" fmla="*/ 2305443 h 2323145"/>
              <a:gd name="connsiteX246" fmla="*/ 376805 w 11269336"/>
              <a:gd name="connsiteY246" fmla="*/ 2307647 h 2323145"/>
              <a:gd name="connsiteX247" fmla="*/ 266777 w 11269336"/>
              <a:gd name="connsiteY247" fmla="*/ 2309012 h 2323145"/>
              <a:gd name="connsiteX248" fmla="*/ 156013 w 11269336"/>
              <a:gd name="connsiteY248" fmla="*/ 2306832 h 2323145"/>
              <a:gd name="connsiteX249" fmla="*/ 87258 w 11269336"/>
              <a:gd name="connsiteY249" fmla="*/ 2285511 h 2323145"/>
              <a:gd name="connsiteX250" fmla="*/ 23798 w 11269336"/>
              <a:gd name="connsiteY250" fmla="*/ 2281822 h 2323145"/>
              <a:gd name="connsiteX251" fmla="*/ 0 w 11269336"/>
              <a:gd name="connsiteY251" fmla="*/ 2285369 h 2323145"/>
              <a:gd name="connsiteX252" fmla="*/ 0 w 11269336"/>
              <a:gd name="connsiteY252" fmla="*/ 0 h 2323145"/>
              <a:gd name="connsiteX0" fmla="*/ 0 w 11269336"/>
              <a:gd name="connsiteY0" fmla="*/ 0 h 2323145"/>
              <a:gd name="connsiteX1" fmla="*/ 11269336 w 11269336"/>
              <a:gd name="connsiteY1" fmla="*/ 0 h 2323145"/>
              <a:gd name="connsiteX2" fmla="*/ 11268645 w 11269336"/>
              <a:gd name="connsiteY2" fmla="*/ 511 h 2323145"/>
              <a:gd name="connsiteX3" fmla="*/ 11230739 w 11269336"/>
              <a:gd name="connsiteY3" fmla="*/ 37096 h 2323145"/>
              <a:gd name="connsiteX4" fmla="*/ 11082485 w 11269336"/>
              <a:gd name="connsiteY4" fmla="*/ 78590 h 2323145"/>
              <a:gd name="connsiteX5" fmla="*/ 11031776 w 11269336"/>
              <a:gd name="connsiteY5" fmla="*/ 79197 h 2323145"/>
              <a:gd name="connsiteX6" fmla="*/ 10995894 w 11269336"/>
              <a:gd name="connsiteY6" fmla="*/ 83459 h 2323145"/>
              <a:gd name="connsiteX7" fmla="*/ 10861177 w 11269336"/>
              <a:gd name="connsiteY7" fmla="*/ 147419 h 2323145"/>
              <a:gd name="connsiteX8" fmla="*/ 10782732 w 11269336"/>
              <a:gd name="connsiteY8" fmla="*/ 135645 h 2323145"/>
              <a:gd name="connsiteX9" fmla="*/ 10660773 w 11269336"/>
              <a:gd name="connsiteY9" fmla="*/ 179312 h 2323145"/>
              <a:gd name="connsiteX10" fmla="*/ 10564442 w 11269336"/>
              <a:gd name="connsiteY10" fmla="*/ 160738 h 2323145"/>
              <a:gd name="connsiteX11" fmla="*/ 10490200 w 11269336"/>
              <a:gd name="connsiteY11" fmla="*/ 183533 h 2323145"/>
              <a:gd name="connsiteX12" fmla="*/ 10271351 w 11269336"/>
              <a:gd name="connsiteY12" fmla="*/ 243104 h 2323145"/>
              <a:gd name="connsiteX13" fmla="*/ 10061033 w 11269336"/>
              <a:gd name="connsiteY13" fmla="*/ 364937 h 2323145"/>
              <a:gd name="connsiteX14" fmla="*/ 9921770 w 11269336"/>
              <a:gd name="connsiteY14" fmla="*/ 406154 h 2323145"/>
              <a:gd name="connsiteX15" fmla="*/ 9858388 w 11269336"/>
              <a:gd name="connsiteY15" fmla="*/ 439489 h 2323145"/>
              <a:gd name="connsiteX16" fmla="*/ 9811914 w 11269336"/>
              <a:gd name="connsiteY16" fmla="*/ 449865 h 2323145"/>
              <a:gd name="connsiteX17" fmla="*/ 9784394 w 11269336"/>
              <a:gd name="connsiteY17" fmla="*/ 457816 h 2323145"/>
              <a:gd name="connsiteX18" fmla="*/ 9656836 w 11269336"/>
              <a:gd name="connsiteY18" fmla="*/ 469967 h 2323145"/>
              <a:gd name="connsiteX19" fmla="*/ 9561575 w 11269336"/>
              <a:gd name="connsiteY19" fmla="*/ 559978 h 2323145"/>
              <a:gd name="connsiteX20" fmla="*/ 9162278 w 11269336"/>
              <a:gd name="connsiteY20" fmla="*/ 704724 h 2323145"/>
              <a:gd name="connsiteX21" fmla="*/ 9062863 w 11269336"/>
              <a:gd name="connsiteY21" fmla="*/ 754656 h 2323145"/>
              <a:gd name="connsiteX22" fmla="*/ 8914746 w 11269336"/>
              <a:gd name="connsiteY22" fmla="*/ 826428 h 2323145"/>
              <a:gd name="connsiteX23" fmla="*/ 8917778 w 11269336"/>
              <a:gd name="connsiteY23" fmla="*/ 835198 h 2323145"/>
              <a:gd name="connsiteX24" fmla="*/ 8905560 w 11269336"/>
              <a:gd name="connsiteY24" fmla="*/ 838358 h 2323145"/>
              <a:gd name="connsiteX25" fmla="*/ 8897564 w 11269336"/>
              <a:gd name="connsiteY25" fmla="*/ 834287 h 2323145"/>
              <a:gd name="connsiteX26" fmla="*/ 8878040 w 11269336"/>
              <a:gd name="connsiteY26" fmla="*/ 844150 h 2323145"/>
              <a:gd name="connsiteX27" fmla="*/ 8795998 w 11269336"/>
              <a:gd name="connsiteY27" fmla="*/ 863337 h 2323145"/>
              <a:gd name="connsiteX28" fmla="*/ 8776970 w 11269336"/>
              <a:gd name="connsiteY28" fmla="*/ 885177 h 2323145"/>
              <a:gd name="connsiteX29" fmla="*/ 8755719 w 11269336"/>
              <a:gd name="connsiteY29" fmla="*/ 889754 h 2323145"/>
              <a:gd name="connsiteX30" fmla="*/ 8743257 w 11269336"/>
              <a:gd name="connsiteY30" fmla="*/ 904723 h 2323145"/>
              <a:gd name="connsiteX31" fmla="*/ 8721366 w 11269336"/>
              <a:gd name="connsiteY31" fmla="*/ 904711 h 2323145"/>
              <a:gd name="connsiteX32" fmla="*/ 8678353 w 11269336"/>
              <a:gd name="connsiteY32" fmla="*/ 926318 h 2323145"/>
              <a:gd name="connsiteX33" fmla="*/ 8636849 w 11269336"/>
              <a:gd name="connsiteY33" fmla="*/ 937900 h 2323145"/>
              <a:gd name="connsiteX34" fmla="*/ 8620213 w 11269336"/>
              <a:gd name="connsiteY34" fmla="*/ 943068 h 2323145"/>
              <a:gd name="connsiteX35" fmla="*/ 8612581 w 11269336"/>
              <a:gd name="connsiteY35" fmla="*/ 952695 h 2323145"/>
              <a:gd name="connsiteX36" fmla="*/ 8589038 w 11269336"/>
              <a:gd name="connsiteY36" fmla="*/ 963892 h 2323145"/>
              <a:gd name="connsiteX37" fmla="*/ 8579950 w 11269336"/>
              <a:gd name="connsiteY37" fmla="*/ 960899 h 2323145"/>
              <a:gd name="connsiteX38" fmla="*/ 8579319 w 11269336"/>
              <a:gd name="connsiteY38" fmla="*/ 965630 h 2323145"/>
              <a:gd name="connsiteX39" fmla="*/ 8547429 w 11269336"/>
              <a:gd name="connsiteY39" fmla="*/ 984506 h 2323145"/>
              <a:gd name="connsiteX40" fmla="*/ 8478704 w 11269336"/>
              <a:gd name="connsiteY40" fmla="*/ 1025490 h 2323145"/>
              <a:gd name="connsiteX41" fmla="*/ 8461421 w 11269336"/>
              <a:gd name="connsiteY41" fmla="*/ 1035512 h 2323145"/>
              <a:gd name="connsiteX42" fmla="*/ 8445003 w 11269336"/>
              <a:gd name="connsiteY42" fmla="*/ 1036851 h 2323145"/>
              <a:gd name="connsiteX43" fmla="*/ 8357350 w 11269336"/>
              <a:gd name="connsiteY43" fmla="*/ 1060213 h 2323145"/>
              <a:gd name="connsiteX44" fmla="*/ 8335565 w 11269336"/>
              <a:gd name="connsiteY44" fmla="*/ 1061151 h 2323145"/>
              <a:gd name="connsiteX45" fmla="*/ 8325267 w 11269336"/>
              <a:gd name="connsiteY45" fmla="*/ 1055919 h 2323145"/>
              <a:gd name="connsiteX46" fmla="*/ 8293586 w 11269336"/>
              <a:gd name="connsiteY46" fmla="*/ 1076144 h 2323145"/>
              <a:gd name="connsiteX47" fmla="*/ 8242405 w 11269336"/>
              <a:gd name="connsiteY47" fmla="*/ 1095960 h 2323145"/>
              <a:gd name="connsiteX48" fmla="*/ 8197391 w 11269336"/>
              <a:gd name="connsiteY48" fmla="*/ 1107746 h 2323145"/>
              <a:gd name="connsiteX49" fmla="*/ 8081474 w 11269336"/>
              <a:gd name="connsiteY49" fmla="*/ 1130125 h 2323145"/>
              <a:gd name="connsiteX50" fmla="*/ 8053585 w 11269336"/>
              <a:gd name="connsiteY50" fmla="*/ 1129169 h 2323145"/>
              <a:gd name="connsiteX51" fmla="*/ 8038422 w 11269336"/>
              <a:gd name="connsiteY51" fmla="*/ 1119092 h 2323145"/>
              <a:gd name="connsiteX52" fmla="*/ 8029450 w 11269336"/>
              <a:gd name="connsiteY52" fmla="*/ 1125592 h 2323145"/>
              <a:gd name="connsiteX53" fmla="*/ 7959552 w 11269336"/>
              <a:gd name="connsiteY53" fmla="*/ 1140188 h 2323145"/>
              <a:gd name="connsiteX54" fmla="*/ 7914188 w 11269336"/>
              <a:gd name="connsiteY54" fmla="*/ 1150862 h 2323145"/>
              <a:gd name="connsiteX55" fmla="*/ 7914918 w 11269336"/>
              <a:gd name="connsiteY55" fmla="*/ 1168758 h 2323145"/>
              <a:gd name="connsiteX56" fmla="*/ 7875510 w 11269336"/>
              <a:gd name="connsiteY56" fmla="*/ 1183153 h 2323145"/>
              <a:gd name="connsiteX57" fmla="*/ 7829932 w 11269336"/>
              <a:gd name="connsiteY57" fmla="*/ 1180782 h 2323145"/>
              <a:gd name="connsiteX58" fmla="*/ 7779182 w 11269336"/>
              <a:gd name="connsiteY58" fmla="*/ 1192665 h 2323145"/>
              <a:gd name="connsiteX59" fmla="*/ 7748774 w 11269336"/>
              <a:gd name="connsiteY59" fmla="*/ 1199586 h 2323145"/>
              <a:gd name="connsiteX60" fmla="*/ 7671846 w 11269336"/>
              <a:gd name="connsiteY60" fmla="*/ 1231966 h 2323145"/>
              <a:gd name="connsiteX61" fmla="*/ 7554146 w 11269336"/>
              <a:gd name="connsiteY61" fmla="*/ 1319748 h 2323145"/>
              <a:gd name="connsiteX62" fmla="*/ 7515052 w 11269336"/>
              <a:gd name="connsiteY62" fmla="*/ 1336718 h 2323145"/>
              <a:gd name="connsiteX63" fmla="*/ 7507193 w 11269336"/>
              <a:gd name="connsiteY63" fmla="*/ 1334617 h 2323145"/>
              <a:gd name="connsiteX64" fmla="*/ 7461694 w 11269336"/>
              <a:gd name="connsiteY64" fmla="*/ 1375866 h 2323145"/>
              <a:gd name="connsiteX65" fmla="*/ 7377571 w 11269336"/>
              <a:gd name="connsiteY65" fmla="*/ 1400128 h 2323145"/>
              <a:gd name="connsiteX66" fmla="*/ 7311261 w 11269336"/>
              <a:gd name="connsiteY66" fmla="*/ 1412652 h 2323145"/>
              <a:gd name="connsiteX67" fmla="*/ 7275307 w 11269336"/>
              <a:gd name="connsiteY67" fmla="*/ 1422171 h 2323145"/>
              <a:gd name="connsiteX68" fmla="*/ 7247783 w 11269336"/>
              <a:gd name="connsiteY68" fmla="*/ 1426330 h 2323145"/>
              <a:gd name="connsiteX69" fmla="*/ 7185047 w 11269336"/>
              <a:gd name="connsiteY69" fmla="*/ 1451812 h 2323145"/>
              <a:gd name="connsiteX70" fmla="*/ 7084117 w 11269336"/>
              <a:gd name="connsiteY70" fmla="*/ 1500281 h 2323145"/>
              <a:gd name="connsiteX71" fmla="*/ 7062011 w 11269336"/>
              <a:gd name="connsiteY71" fmla="*/ 1509183 h 2323145"/>
              <a:gd name="connsiteX72" fmla="*/ 7040555 w 11269336"/>
              <a:gd name="connsiteY72" fmla="*/ 1511207 h 2323145"/>
              <a:gd name="connsiteX73" fmla="*/ 7033438 w 11269336"/>
              <a:gd name="connsiteY73" fmla="*/ 1506772 h 2323145"/>
              <a:gd name="connsiteX74" fmla="*/ 7020886 w 11269336"/>
              <a:gd name="connsiteY74" fmla="*/ 1510764 h 2323145"/>
              <a:gd name="connsiteX75" fmla="*/ 7017033 w 11269336"/>
              <a:gd name="connsiteY75" fmla="*/ 1510650 h 2323145"/>
              <a:gd name="connsiteX76" fmla="*/ 6995460 w 11269336"/>
              <a:gd name="connsiteY76" fmla="*/ 1511173 h 2323145"/>
              <a:gd name="connsiteX77" fmla="*/ 6962144 w 11269336"/>
              <a:gd name="connsiteY77" fmla="*/ 1541508 h 2323145"/>
              <a:gd name="connsiteX78" fmla="*/ 6910674 w 11269336"/>
              <a:gd name="connsiteY78" fmla="*/ 1554793 h 2323145"/>
              <a:gd name="connsiteX79" fmla="*/ 6732152 w 11269336"/>
              <a:gd name="connsiteY79" fmla="*/ 1642538 h 2323145"/>
              <a:gd name="connsiteX80" fmla="*/ 6694106 w 11269336"/>
              <a:gd name="connsiteY80" fmla="*/ 1632377 h 2323145"/>
              <a:gd name="connsiteX81" fmla="*/ 6617223 w 11269336"/>
              <a:gd name="connsiteY81" fmla="*/ 1659889 h 2323145"/>
              <a:gd name="connsiteX82" fmla="*/ 6521138 w 11269336"/>
              <a:gd name="connsiteY82" fmla="*/ 1744340 h 2323145"/>
              <a:gd name="connsiteX83" fmla="*/ 6380677 w 11269336"/>
              <a:gd name="connsiteY83" fmla="*/ 1796883 h 2323145"/>
              <a:gd name="connsiteX84" fmla="*/ 6374897 w 11269336"/>
              <a:gd name="connsiteY84" fmla="*/ 1809910 h 2323145"/>
              <a:gd name="connsiteX85" fmla="*/ 6364545 w 11269336"/>
              <a:gd name="connsiteY85" fmla="*/ 1820090 h 2323145"/>
              <a:gd name="connsiteX86" fmla="*/ 6362126 w 11269336"/>
              <a:gd name="connsiteY86" fmla="*/ 1819991 h 2323145"/>
              <a:gd name="connsiteX87" fmla="*/ 6346673 w 11269336"/>
              <a:gd name="connsiteY87" fmla="*/ 1827824 h 2323145"/>
              <a:gd name="connsiteX88" fmla="*/ 6345588 w 11269336"/>
              <a:gd name="connsiteY88" fmla="*/ 1832232 h 2323145"/>
              <a:gd name="connsiteX89" fmla="*/ 6335708 w 11269336"/>
              <a:gd name="connsiteY89" fmla="*/ 1838451 h 2323145"/>
              <a:gd name="connsiteX90" fmla="*/ 6318182 w 11269336"/>
              <a:gd name="connsiteY90" fmla="*/ 1852975 h 2323145"/>
              <a:gd name="connsiteX91" fmla="*/ 6313084 w 11269336"/>
              <a:gd name="connsiteY91" fmla="*/ 1853561 h 2323145"/>
              <a:gd name="connsiteX92" fmla="*/ 6283816 w 11269336"/>
              <a:gd name="connsiteY92" fmla="*/ 1872148 h 2323145"/>
              <a:gd name="connsiteX93" fmla="*/ 6282550 w 11269336"/>
              <a:gd name="connsiteY93" fmla="*/ 1871392 h 2323145"/>
              <a:gd name="connsiteX94" fmla="*/ 6270527 w 11269336"/>
              <a:gd name="connsiteY94" fmla="*/ 1872208 h 2323145"/>
              <a:gd name="connsiteX95" fmla="*/ 6249518 w 11269336"/>
              <a:gd name="connsiteY95" fmla="*/ 1876079 h 2323145"/>
              <a:gd name="connsiteX96" fmla="*/ 6190386 w 11269336"/>
              <a:gd name="connsiteY96" fmla="*/ 1872478 h 2323145"/>
              <a:gd name="connsiteX97" fmla="*/ 6159777 w 11269336"/>
              <a:gd name="connsiteY97" fmla="*/ 1891745 h 2323145"/>
              <a:gd name="connsiteX98" fmla="*/ 6153131 w 11269336"/>
              <a:gd name="connsiteY98" fmla="*/ 1895079 h 2323145"/>
              <a:gd name="connsiteX99" fmla="*/ 6152798 w 11269336"/>
              <a:gd name="connsiteY99" fmla="*/ 1894920 h 2323145"/>
              <a:gd name="connsiteX100" fmla="*/ 6145388 w 11269336"/>
              <a:gd name="connsiteY100" fmla="*/ 1897990 h 2323145"/>
              <a:gd name="connsiteX101" fmla="*/ 6141014 w 11269336"/>
              <a:gd name="connsiteY101" fmla="*/ 1901155 h 2323145"/>
              <a:gd name="connsiteX102" fmla="*/ 6128122 w 11269336"/>
              <a:gd name="connsiteY102" fmla="*/ 1907623 h 2323145"/>
              <a:gd name="connsiteX103" fmla="*/ 6122351 w 11269336"/>
              <a:gd name="connsiteY103" fmla="*/ 1908359 h 2323145"/>
              <a:gd name="connsiteX104" fmla="*/ 6064750 w 11269336"/>
              <a:gd name="connsiteY104" fmla="*/ 1896394 h 2323145"/>
              <a:gd name="connsiteX105" fmla="*/ 5964230 w 11269336"/>
              <a:gd name="connsiteY105" fmla="*/ 1910038 h 2323145"/>
              <a:gd name="connsiteX106" fmla="*/ 5865399 w 11269336"/>
              <a:gd name="connsiteY106" fmla="*/ 1926966 h 2323145"/>
              <a:gd name="connsiteX107" fmla="*/ 5829951 w 11269336"/>
              <a:gd name="connsiteY107" fmla="*/ 1934755 h 2323145"/>
              <a:gd name="connsiteX108" fmla="*/ 5765285 w 11269336"/>
              <a:gd name="connsiteY108" fmla="*/ 1941322 h 2323145"/>
              <a:gd name="connsiteX109" fmla="*/ 5734750 w 11269336"/>
              <a:gd name="connsiteY109" fmla="*/ 1939793 h 2323145"/>
              <a:gd name="connsiteX110" fmla="*/ 5733569 w 11269336"/>
              <a:gd name="connsiteY110" fmla="*/ 1940505 h 2323145"/>
              <a:gd name="connsiteX111" fmla="*/ 5730329 w 11269336"/>
              <a:gd name="connsiteY111" fmla="*/ 1937845 h 2323145"/>
              <a:gd name="connsiteX112" fmla="*/ 5724661 w 11269336"/>
              <a:gd name="connsiteY112" fmla="*/ 1937455 h 2323145"/>
              <a:gd name="connsiteX113" fmla="*/ 5710186 w 11269336"/>
              <a:gd name="connsiteY113" fmla="*/ 1941370 h 2323145"/>
              <a:gd name="connsiteX114" fmla="*/ 5704910 w 11269336"/>
              <a:gd name="connsiteY114" fmla="*/ 1943663 h 2323145"/>
              <a:gd name="connsiteX115" fmla="*/ 5696836 w 11269336"/>
              <a:gd name="connsiteY115" fmla="*/ 1945271 h 2323145"/>
              <a:gd name="connsiteX116" fmla="*/ 5696583 w 11269336"/>
              <a:gd name="connsiteY116" fmla="*/ 1945050 h 2323145"/>
              <a:gd name="connsiteX117" fmla="*/ 5689123 w 11269336"/>
              <a:gd name="connsiteY117" fmla="*/ 1947067 h 2323145"/>
              <a:gd name="connsiteX118" fmla="*/ 5653291 w 11269336"/>
              <a:gd name="connsiteY118" fmla="*/ 1960245 h 2323145"/>
              <a:gd name="connsiteX119" fmla="*/ 5599385 w 11269336"/>
              <a:gd name="connsiteY119" fmla="*/ 1945198 h 2323145"/>
              <a:gd name="connsiteX120" fmla="*/ 5578300 w 11269336"/>
              <a:gd name="connsiteY120" fmla="*/ 1944963 h 2323145"/>
              <a:gd name="connsiteX121" fmla="*/ 5566758 w 11269336"/>
              <a:gd name="connsiteY121" fmla="*/ 1943441 h 2323145"/>
              <a:gd name="connsiteX122" fmla="*/ 5565857 w 11269336"/>
              <a:gd name="connsiteY122" fmla="*/ 1942445 h 2323145"/>
              <a:gd name="connsiteX123" fmla="*/ 5531534 w 11269336"/>
              <a:gd name="connsiteY123" fmla="*/ 1955208 h 2323145"/>
              <a:gd name="connsiteX124" fmla="*/ 5526552 w 11269336"/>
              <a:gd name="connsiteY124" fmla="*/ 1954799 h 2323145"/>
              <a:gd name="connsiteX125" fmla="*/ 5504723 w 11269336"/>
              <a:gd name="connsiteY125" fmla="*/ 1965811 h 2323145"/>
              <a:gd name="connsiteX126" fmla="*/ 5493156 w 11269336"/>
              <a:gd name="connsiteY126" fmla="*/ 1970063 h 2323145"/>
              <a:gd name="connsiteX127" fmla="*/ 5490486 w 11269336"/>
              <a:gd name="connsiteY127" fmla="*/ 1974227 h 2323145"/>
              <a:gd name="connsiteX128" fmla="*/ 5473107 w 11269336"/>
              <a:gd name="connsiteY128" fmla="*/ 1979001 h 2323145"/>
              <a:gd name="connsiteX129" fmla="*/ 5470885 w 11269336"/>
              <a:gd name="connsiteY129" fmla="*/ 1978432 h 2323145"/>
              <a:gd name="connsiteX130" fmla="*/ 5457393 w 11269336"/>
              <a:gd name="connsiteY130" fmla="*/ 1986525 h 2323145"/>
              <a:gd name="connsiteX131" fmla="*/ 5447102 w 11269336"/>
              <a:gd name="connsiteY131" fmla="*/ 1998329 h 2323145"/>
              <a:gd name="connsiteX132" fmla="*/ 5159151 w 11269336"/>
              <a:gd name="connsiteY132" fmla="*/ 2029640 h 2323145"/>
              <a:gd name="connsiteX133" fmla="*/ 5098838 w 11269336"/>
              <a:gd name="connsiteY133" fmla="*/ 2062961 h 2323145"/>
              <a:gd name="connsiteX134" fmla="*/ 4860988 w 11269336"/>
              <a:gd name="connsiteY134" fmla="*/ 2135698 h 2323145"/>
              <a:gd name="connsiteX135" fmla="*/ 4765388 w 11269336"/>
              <a:gd name="connsiteY135" fmla="*/ 2162525 h 2323145"/>
              <a:gd name="connsiteX136" fmla="*/ 4745033 w 11269336"/>
              <a:gd name="connsiteY136" fmla="*/ 2158859 h 2323145"/>
              <a:gd name="connsiteX137" fmla="*/ 4741475 w 11269336"/>
              <a:gd name="connsiteY137" fmla="*/ 2157998 h 2323145"/>
              <a:gd name="connsiteX138" fmla="*/ 4728247 w 11269336"/>
              <a:gd name="connsiteY138" fmla="*/ 2159526 h 2323145"/>
              <a:gd name="connsiteX139" fmla="*/ 4723263 w 11269336"/>
              <a:gd name="connsiteY139" fmla="*/ 2153742 h 2323145"/>
              <a:gd name="connsiteX140" fmla="*/ 4593061 w 11269336"/>
              <a:gd name="connsiteY140" fmla="*/ 2171597 h 2323145"/>
              <a:gd name="connsiteX141" fmla="*/ 4405765 w 11269336"/>
              <a:gd name="connsiteY141" fmla="*/ 2199902 h 2323145"/>
              <a:gd name="connsiteX142" fmla="*/ 4401354 w 11269336"/>
              <a:gd name="connsiteY142" fmla="*/ 2194745 h 2323145"/>
              <a:gd name="connsiteX143" fmla="*/ 4366646 w 11269336"/>
              <a:gd name="connsiteY143" fmla="*/ 2198564 h 2323145"/>
              <a:gd name="connsiteX144" fmla="*/ 4354009 w 11269336"/>
              <a:gd name="connsiteY144" fmla="*/ 2204984 h 2323145"/>
              <a:gd name="connsiteX145" fmla="*/ 4348284 w 11269336"/>
              <a:gd name="connsiteY145" fmla="*/ 2205270 h 2323145"/>
              <a:gd name="connsiteX146" fmla="*/ 4333906 w 11269336"/>
              <a:gd name="connsiteY146" fmla="*/ 2205251 h 2323145"/>
              <a:gd name="connsiteX147" fmla="*/ 4308819 w 11269336"/>
              <a:gd name="connsiteY147" fmla="*/ 2203822 h 2323145"/>
              <a:gd name="connsiteX148" fmla="*/ 4301210 w 11269336"/>
              <a:gd name="connsiteY148" fmla="*/ 2204456 h 2323145"/>
              <a:gd name="connsiteX149" fmla="*/ 4283095 w 11269336"/>
              <a:gd name="connsiteY149" fmla="*/ 2198177 h 2323145"/>
              <a:gd name="connsiteX150" fmla="*/ 4250119 w 11269336"/>
              <a:gd name="connsiteY150" fmla="*/ 2196342 h 2323145"/>
              <a:gd name="connsiteX151" fmla="*/ 4189203 w 11269336"/>
              <a:gd name="connsiteY151" fmla="*/ 2178994 h 2323145"/>
              <a:gd name="connsiteX152" fmla="*/ 4154035 w 11269336"/>
              <a:gd name="connsiteY152" fmla="*/ 2171950 h 2323145"/>
              <a:gd name="connsiteX153" fmla="*/ 4129569 w 11269336"/>
              <a:gd name="connsiteY153" fmla="*/ 2163850 h 2323145"/>
              <a:gd name="connsiteX154" fmla="*/ 4061250 w 11269336"/>
              <a:gd name="connsiteY154" fmla="*/ 2159236 h 2323145"/>
              <a:gd name="connsiteX155" fmla="*/ 3945480 w 11269336"/>
              <a:gd name="connsiteY155" fmla="*/ 2158279 h 2323145"/>
              <a:gd name="connsiteX156" fmla="*/ 3921468 w 11269336"/>
              <a:gd name="connsiteY156" fmla="*/ 2156588 h 2323145"/>
              <a:gd name="connsiteX157" fmla="*/ 3903348 w 11269336"/>
              <a:gd name="connsiteY157" fmla="*/ 2149220 h 2323145"/>
              <a:gd name="connsiteX158" fmla="*/ 3901342 w 11269336"/>
              <a:gd name="connsiteY158" fmla="*/ 2142355 h 2323145"/>
              <a:gd name="connsiteX159" fmla="*/ 3888539 w 11269336"/>
              <a:gd name="connsiteY159" fmla="*/ 2140476 h 2323145"/>
              <a:gd name="connsiteX160" fmla="*/ 3885662 w 11269336"/>
              <a:gd name="connsiteY160" fmla="*/ 2138740 h 2323145"/>
              <a:gd name="connsiteX161" fmla="*/ 3868627 w 11269336"/>
              <a:gd name="connsiteY161" fmla="*/ 2130023 h 2323145"/>
              <a:gd name="connsiteX162" fmla="*/ 3819177 w 11269336"/>
              <a:gd name="connsiteY162" fmla="*/ 2142111 h 2323145"/>
              <a:gd name="connsiteX163" fmla="*/ 3769100 w 11269336"/>
              <a:gd name="connsiteY163" fmla="*/ 2131731 h 2323145"/>
              <a:gd name="connsiteX164" fmla="*/ 3562752 w 11269336"/>
              <a:gd name="connsiteY164" fmla="*/ 2131785 h 2323145"/>
              <a:gd name="connsiteX165" fmla="*/ 3541402 w 11269336"/>
              <a:gd name="connsiteY165" fmla="*/ 2106821 h 2323145"/>
              <a:gd name="connsiteX166" fmla="*/ 3365341 w 11269336"/>
              <a:gd name="connsiteY166" fmla="*/ 2077638 h 2323145"/>
              <a:gd name="connsiteX167" fmla="*/ 3170922 w 11269336"/>
              <a:gd name="connsiteY167" fmla="*/ 2115957 h 2323145"/>
              <a:gd name="connsiteX168" fmla="*/ 3156256 w 11269336"/>
              <a:gd name="connsiteY168" fmla="*/ 2124773 h 2323145"/>
              <a:gd name="connsiteX169" fmla="*/ 3140298 w 11269336"/>
              <a:gd name="connsiteY169" fmla="*/ 2129182 h 2323145"/>
              <a:gd name="connsiteX170" fmla="*/ 3138514 w 11269336"/>
              <a:gd name="connsiteY170" fmla="*/ 2128069 h 2323145"/>
              <a:gd name="connsiteX171" fmla="*/ 3120467 w 11269336"/>
              <a:gd name="connsiteY171" fmla="*/ 2128281 h 2323145"/>
              <a:gd name="connsiteX172" fmla="*/ 3116175 w 11269336"/>
              <a:gd name="connsiteY172" fmla="*/ 2131633 h 2323145"/>
              <a:gd name="connsiteX173" fmla="*/ 3103685 w 11269336"/>
              <a:gd name="connsiteY173" fmla="*/ 2132814 h 2323145"/>
              <a:gd name="connsiteX174" fmla="*/ 3078794 w 11269336"/>
              <a:gd name="connsiteY174" fmla="*/ 2137935 h 2323145"/>
              <a:gd name="connsiteX175" fmla="*/ 3074407 w 11269336"/>
              <a:gd name="connsiteY175" fmla="*/ 2136274 h 2323145"/>
              <a:gd name="connsiteX176" fmla="*/ 3037285 w 11269336"/>
              <a:gd name="connsiteY176" fmla="*/ 2139919 h 2323145"/>
              <a:gd name="connsiteX177" fmla="*/ 3036901 w 11269336"/>
              <a:gd name="connsiteY177" fmla="*/ 2138726 h 2323145"/>
              <a:gd name="connsiteX178" fmla="*/ 3026996 w 11269336"/>
              <a:gd name="connsiteY178" fmla="*/ 2134322 h 2323145"/>
              <a:gd name="connsiteX179" fmla="*/ 3007772 w 11269336"/>
              <a:gd name="connsiteY179" fmla="*/ 2128742 h 2323145"/>
              <a:gd name="connsiteX180" fmla="*/ 2965030 w 11269336"/>
              <a:gd name="connsiteY180" fmla="*/ 2100494 h 2323145"/>
              <a:gd name="connsiteX181" fmla="*/ 2926342 w 11269336"/>
              <a:gd name="connsiteY181" fmla="*/ 2104155 h 2323145"/>
              <a:gd name="connsiteX182" fmla="*/ 2918608 w 11269336"/>
              <a:gd name="connsiteY182" fmla="*/ 2104215 h 2323145"/>
              <a:gd name="connsiteX183" fmla="*/ 2918475 w 11269336"/>
              <a:gd name="connsiteY183" fmla="*/ 2103937 h 2323145"/>
              <a:gd name="connsiteX184" fmla="*/ 2910360 w 11269336"/>
              <a:gd name="connsiteY184" fmla="*/ 2103444 h 2323145"/>
              <a:gd name="connsiteX185" fmla="*/ 2904507 w 11269336"/>
              <a:gd name="connsiteY185" fmla="*/ 2104326 h 2323145"/>
              <a:gd name="connsiteX186" fmla="*/ 2889503 w 11269336"/>
              <a:gd name="connsiteY186" fmla="*/ 2104443 h 2323145"/>
              <a:gd name="connsiteX187" fmla="*/ 2884480 w 11269336"/>
              <a:gd name="connsiteY187" fmla="*/ 2102626 h 2323145"/>
              <a:gd name="connsiteX188" fmla="*/ 2882689 w 11269336"/>
              <a:gd name="connsiteY188" fmla="*/ 2099228 h 2323145"/>
              <a:gd name="connsiteX189" fmla="*/ 2881291 w 11269336"/>
              <a:gd name="connsiteY189" fmla="*/ 2099618 h 2323145"/>
              <a:gd name="connsiteX190" fmla="*/ 2853979 w 11269336"/>
              <a:gd name="connsiteY190" fmla="*/ 2090388 h 2323145"/>
              <a:gd name="connsiteX191" fmla="*/ 2791790 w 11269336"/>
              <a:gd name="connsiteY191" fmla="*/ 2080332 h 2323145"/>
              <a:gd name="connsiteX192" fmla="*/ 2755844 w 11269336"/>
              <a:gd name="connsiteY192" fmla="*/ 2078874 h 2323145"/>
              <a:gd name="connsiteX193" fmla="*/ 2657742 w 11269336"/>
              <a:gd name="connsiteY193" fmla="*/ 2070179 h 2323145"/>
              <a:gd name="connsiteX194" fmla="*/ 2559549 w 11269336"/>
              <a:gd name="connsiteY194" fmla="*/ 2057873 h 2323145"/>
              <a:gd name="connsiteX195" fmla="*/ 2512054 w 11269336"/>
              <a:gd name="connsiteY195" fmla="*/ 2031671 h 2323145"/>
              <a:gd name="connsiteX196" fmla="*/ 2506437 w 11269336"/>
              <a:gd name="connsiteY196" fmla="*/ 2030918 h 2323145"/>
              <a:gd name="connsiteX197" fmla="*/ 2491752 w 11269336"/>
              <a:gd name="connsiteY197" fmla="*/ 2033906 h 2323145"/>
              <a:gd name="connsiteX198" fmla="*/ 2486338 w 11269336"/>
              <a:gd name="connsiteY198" fmla="*/ 2035862 h 2323145"/>
              <a:gd name="connsiteX199" fmla="*/ 2478186 w 11269336"/>
              <a:gd name="connsiteY199" fmla="*/ 2036953 h 2323145"/>
              <a:gd name="connsiteX200" fmla="*/ 2477950 w 11269336"/>
              <a:gd name="connsiteY200" fmla="*/ 2036715 h 2323145"/>
              <a:gd name="connsiteX201" fmla="*/ 2470381 w 11269336"/>
              <a:gd name="connsiteY201" fmla="*/ 2038256 h 2323145"/>
              <a:gd name="connsiteX202" fmla="*/ 2433781 w 11269336"/>
              <a:gd name="connsiteY202" fmla="*/ 2049140 h 2323145"/>
              <a:gd name="connsiteX203" fmla="*/ 2381172 w 11269336"/>
              <a:gd name="connsiteY203" fmla="*/ 2030645 h 2323145"/>
              <a:gd name="connsiteX204" fmla="*/ 2360198 w 11269336"/>
              <a:gd name="connsiteY204" fmla="*/ 2029059 h 2323145"/>
              <a:gd name="connsiteX205" fmla="*/ 2348815 w 11269336"/>
              <a:gd name="connsiteY205" fmla="*/ 2026798 h 2323145"/>
              <a:gd name="connsiteX206" fmla="*/ 2347988 w 11269336"/>
              <a:gd name="connsiteY206" fmla="*/ 2025745 h 2323145"/>
              <a:gd name="connsiteX207" fmla="*/ 2312920 w 11269336"/>
              <a:gd name="connsiteY207" fmla="*/ 2036311 h 2323145"/>
              <a:gd name="connsiteX208" fmla="*/ 2307986 w 11269336"/>
              <a:gd name="connsiteY208" fmla="*/ 2035583 h 2323145"/>
              <a:gd name="connsiteX209" fmla="*/ 2285481 w 11269336"/>
              <a:gd name="connsiteY209" fmla="*/ 2045197 h 2323145"/>
              <a:gd name="connsiteX210" fmla="*/ 2273666 w 11269336"/>
              <a:gd name="connsiteY210" fmla="*/ 2048710 h 2323145"/>
              <a:gd name="connsiteX211" fmla="*/ 2270719 w 11269336"/>
              <a:gd name="connsiteY211" fmla="*/ 2052702 h 2323145"/>
              <a:gd name="connsiteX212" fmla="*/ 2253080 w 11269336"/>
              <a:gd name="connsiteY212" fmla="*/ 2056363 h 2323145"/>
              <a:gd name="connsiteX213" fmla="*/ 2250906 w 11269336"/>
              <a:gd name="connsiteY213" fmla="*/ 2055654 h 2323145"/>
              <a:gd name="connsiteX214" fmla="*/ 2236905 w 11269336"/>
              <a:gd name="connsiteY214" fmla="*/ 2062882 h 2323145"/>
              <a:gd name="connsiteX215" fmla="*/ 2225830 w 11269336"/>
              <a:gd name="connsiteY215" fmla="*/ 2074027 h 2323145"/>
              <a:gd name="connsiteX216" fmla="*/ 2073776 w 11269336"/>
              <a:gd name="connsiteY216" fmla="*/ 2089244 h 2323145"/>
              <a:gd name="connsiteX217" fmla="*/ 1948256 w 11269336"/>
              <a:gd name="connsiteY217" fmla="*/ 2146616 h 2323145"/>
              <a:gd name="connsiteX218" fmla="*/ 1865582 w 11269336"/>
              <a:gd name="connsiteY218" fmla="*/ 2153738 h 2323145"/>
              <a:gd name="connsiteX219" fmla="*/ 1835210 w 11269336"/>
              <a:gd name="connsiteY219" fmla="*/ 2134244 h 2323145"/>
              <a:gd name="connsiteX220" fmla="*/ 1632661 w 11269336"/>
              <a:gd name="connsiteY220" fmla="*/ 2173882 h 2323145"/>
              <a:gd name="connsiteX221" fmla="*/ 1579590 w 11269336"/>
              <a:gd name="connsiteY221" fmla="*/ 2173680 h 2323145"/>
              <a:gd name="connsiteX222" fmla="*/ 1535601 w 11269336"/>
              <a:gd name="connsiteY222" fmla="*/ 2194590 h 2323145"/>
              <a:gd name="connsiteX223" fmla="*/ 1515594 w 11269336"/>
              <a:gd name="connsiteY223" fmla="*/ 2189622 h 2323145"/>
              <a:gd name="connsiteX224" fmla="*/ 1512113 w 11269336"/>
              <a:gd name="connsiteY224" fmla="*/ 2188534 h 2323145"/>
              <a:gd name="connsiteX225" fmla="*/ 1498838 w 11269336"/>
              <a:gd name="connsiteY225" fmla="*/ 2189213 h 2323145"/>
              <a:gd name="connsiteX226" fmla="*/ 1494279 w 11269336"/>
              <a:gd name="connsiteY226" fmla="*/ 2183112 h 2323145"/>
              <a:gd name="connsiteX227" fmla="*/ 1473714 w 11269336"/>
              <a:gd name="connsiteY227" fmla="*/ 2179625 h 2323145"/>
              <a:gd name="connsiteX228" fmla="*/ 1449503 w 11269336"/>
              <a:gd name="connsiteY228" fmla="*/ 2182633 h 2323145"/>
              <a:gd name="connsiteX229" fmla="*/ 1266687 w 11269336"/>
              <a:gd name="connsiteY229" fmla="*/ 2212688 h 2323145"/>
              <a:gd name="connsiteX230" fmla="*/ 1239614 w 11269336"/>
              <a:gd name="connsiteY230" fmla="*/ 2209727 h 2323145"/>
              <a:gd name="connsiteX231" fmla="*/ 1202436 w 11269336"/>
              <a:gd name="connsiteY231" fmla="*/ 2209817 h 2323145"/>
              <a:gd name="connsiteX232" fmla="*/ 1136097 w 11269336"/>
              <a:gd name="connsiteY232" fmla="*/ 2205112 h 2323145"/>
              <a:gd name="connsiteX233" fmla="*/ 988232 w 11269336"/>
              <a:gd name="connsiteY233" fmla="*/ 2235635 h 2323145"/>
              <a:gd name="connsiteX234" fmla="*/ 981959 w 11269336"/>
              <a:gd name="connsiteY234" fmla="*/ 2231607 h 2323145"/>
              <a:gd name="connsiteX235" fmla="*/ 938600 w 11269336"/>
              <a:gd name="connsiteY235" fmla="*/ 2238113 h 2323145"/>
              <a:gd name="connsiteX236" fmla="*/ 791788 w 11269336"/>
              <a:gd name="connsiteY236" fmla="*/ 2293224 h 2323145"/>
              <a:gd name="connsiteX237" fmla="*/ 706914 w 11269336"/>
              <a:gd name="connsiteY237" fmla="*/ 2305046 h 2323145"/>
              <a:gd name="connsiteX238" fmla="*/ 675971 w 11269336"/>
              <a:gd name="connsiteY238" fmla="*/ 2304030 h 2323145"/>
              <a:gd name="connsiteX239" fmla="*/ 624180 w 11269336"/>
              <a:gd name="connsiteY239" fmla="*/ 2302650 h 2323145"/>
              <a:gd name="connsiteX240" fmla="*/ 583453 w 11269336"/>
              <a:gd name="connsiteY240" fmla="*/ 2288788 h 2323145"/>
              <a:gd name="connsiteX241" fmla="*/ 540946 w 11269336"/>
              <a:gd name="connsiteY241" fmla="*/ 2292721 h 2323145"/>
              <a:gd name="connsiteX242" fmla="*/ 533680 w 11269336"/>
              <a:gd name="connsiteY242" fmla="*/ 2310233 h 2323145"/>
              <a:gd name="connsiteX243" fmla="*/ 487366 w 11269336"/>
              <a:gd name="connsiteY243" fmla="*/ 2309053 h 2323145"/>
              <a:gd name="connsiteX244" fmla="*/ 416820 w 11269336"/>
              <a:gd name="connsiteY244" fmla="*/ 2305443 h 2323145"/>
              <a:gd name="connsiteX245" fmla="*/ 376805 w 11269336"/>
              <a:gd name="connsiteY245" fmla="*/ 2307647 h 2323145"/>
              <a:gd name="connsiteX246" fmla="*/ 266777 w 11269336"/>
              <a:gd name="connsiteY246" fmla="*/ 2309012 h 2323145"/>
              <a:gd name="connsiteX247" fmla="*/ 156013 w 11269336"/>
              <a:gd name="connsiteY247" fmla="*/ 2306832 h 2323145"/>
              <a:gd name="connsiteX248" fmla="*/ 87258 w 11269336"/>
              <a:gd name="connsiteY248" fmla="*/ 2285511 h 2323145"/>
              <a:gd name="connsiteX249" fmla="*/ 23798 w 11269336"/>
              <a:gd name="connsiteY249" fmla="*/ 2281822 h 2323145"/>
              <a:gd name="connsiteX250" fmla="*/ 0 w 11269336"/>
              <a:gd name="connsiteY250" fmla="*/ 2285369 h 2323145"/>
              <a:gd name="connsiteX251" fmla="*/ 0 w 11269336"/>
              <a:gd name="connsiteY251" fmla="*/ 0 h 23231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Lst>
            <a:rect l="l" t="t" r="r" b="b"/>
            <a:pathLst>
              <a:path w="11269336" h="2323145">
                <a:moveTo>
                  <a:pt x="0" y="0"/>
                </a:moveTo>
                <a:lnTo>
                  <a:pt x="11269336" y="0"/>
                </a:lnTo>
                <a:lnTo>
                  <a:pt x="11268645" y="511"/>
                </a:lnTo>
                <a:cubicBezTo>
                  <a:pt x="11257520" y="14091"/>
                  <a:pt x="11248967" y="32073"/>
                  <a:pt x="11230739" y="37096"/>
                </a:cubicBezTo>
                <a:cubicBezTo>
                  <a:pt x="11194283" y="47141"/>
                  <a:pt x="11124351" y="55013"/>
                  <a:pt x="11082485" y="78590"/>
                </a:cubicBezTo>
                <a:cubicBezTo>
                  <a:pt x="11064655" y="69818"/>
                  <a:pt x="11049588" y="97621"/>
                  <a:pt x="11031776" y="79197"/>
                </a:cubicBezTo>
                <a:cubicBezTo>
                  <a:pt x="11016683" y="85023"/>
                  <a:pt x="11009945" y="92832"/>
                  <a:pt x="10995894" y="83459"/>
                </a:cubicBezTo>
                <a:cubicBezTo>
                  <a:pt x="10971843" y="134740"/>
                  <a:pt x="10888992" y="106042"/>
                  <a:pt x="10861177" y="147419"/>
                </a:cubicBezTo>
                <a:cubicBezTo>
                  <a:pt x="10850370" y="129415"/>
                  <a:pt x="10807086" y="138624"/>
                  <a:pt x="10782732" y="135645"/>
                </a:cubicBezTo>
                <a:cubicBezTo>
                  <a:pt x="10869014" y="196205"/>
                  <a:pt x="10693356" y="147304"/>
                  <a:pt x="10660773" y="179312"/>
                </a:cubicBezTo>
                <a:cubicBezTo>
                  <a:pt x="10667385" y="121467"/>
                  <a:pt x="10595265" y="182241"/>
                  <a:pt x="10564442" y="160738"/>
                </a:cubicBezTo>
                <a:cubicBezTo>
                  <a:pt x="10544419" y="190949"/>
                  <a:pt x="10518436" y="167191"/>
                  <a:pt x="10490200" y="183533"/>
                </a:cubicBezTo>
                <a:cubicBezTo>
                  <a:pt x="10423905" y="202688"/>
                  <a:pt x="10362764" y="244779"/>
                  <a:pt x="10271351" y="243104"/>
                </a:cubicBezTo>
                <a:cubicBezTo>
                  <a:pt x="10247818" y="329775"/>
                  <a:pt x="10135674" y="303068"/>
                  <a:pt x="10061033" y="364937"/>
                </a:cubicBezTo>
                <a:cubicBezTo>
                  <a:pt x="10014289" y="383940"/>
                  <a:pt x="9930032" y="360289"/>
                  <a:pt x="9921770" y="406154"/>
                </a:cubicBezTo>
                <a:cubicBezTo>
                  <a:pt x="9894276" y="384665"/>
                  <a:pt x="9881945" y="430851"/>
                  <a:pt x="9858388" y="439489"/>
                </a:cubicBezTo>
                <a:cubicBezTo>
                  <a:pt x="9835642" y="426888"/>
                  <a:pt x="9828901" y="443125"/>
                  <a:pt x="9811914" y="449865"/>
                </a:cubicBezTo>
                <a:cubicBezTo>
                  <a:pt x="9801869" y="441287"/>
                  <a:pt x="9787055" y="444835"/>
                  <a:pt x="9784394" y="457816"/>
                </a:cubicBezTo>
                <a:cubicBezTo>
                  <a:pt x="9797169" y="483924"/>
                  <a:pt x="9656844" y="450179"/>
                  <a:pt x="9656836" y="469967"/>
                </a:cubicBezTo>
                <a:cubicBezTo>
                  <a:pt x="9589537" y="485301"/>
                  <a:pt x="9662097" y="527310"/>
                  <a:pt x="9561575" y="559978"/>
                </a:cubicBezTo>
                <a:cubicBezTo>
                  <a:pt x="9479149" y="599104"/>
                  <a:pt x="9215234" y="670585"/>
                  <a:pt x="9162278" y="704724"/>
                </a:cubicBezTo>
                <a:cubicBezTo>
                  <a:pt x="9173017" y="730567"/>
                  <a:pt x="9063215" y="727685"/>
                  <a:pt x="9062863" y="754656"/>
                </a:cubicBezTo>
                <a:cubicBezTo>
                  <a:pt x="9021608" y="774940"/>
                  <a:pt x="8924639" y="816390"/>
                  <a:pt x="8914746" y="826428"/>
                </a:cubicBezTo>
                <a:lnTo>
                  <a:pt x="8917778" y="835198"/>
                </a:lnTo>
                <a:lnTo>
                  <a:pt x="8905560" y="838358"/>
                </a:lnTo>
                <a:lnTo>
                  <a:pt x="8897564" y="834287"/>
                </a:lnTo>
                <a:lnTo>
                  <a:pt x="8878040" y="844150"/>
                </a:lnTo>
                <a:cubicBezTo>
                  <a:pt x="8861112" y="848992"/>
                  <a:pt x="8812843" y="856499"/>
                  <a:pt x="8795998" y="863337"/>
                </a:cubicBezTo>
                <a:cubicBezTo>
                  <a:pt x="8792888" y="873975"/>
                  <a:pt x="8786153" y="880792"/>
                  <a:pt x="8776970" y="885177"/>
                </a:cubicBezTo>
                <a:lnTo>
                  <a:pt x="8755719" y="889754"/>
                </a:lnTo>
                <a:lnTo>
                  <a:pt x="8743257" y="904723"/>
                </a:lnTo>
                <a:cubicBezTo>
                  <a:pt x="8737642" y="908108"/>
                  <a:pt x="8730651" y="908759"/>
                  <a:pt x="8721366" y="904711"/>
                </a:cubicBezTo>
                <a:cubicBezTo>
                  <a:pt x="8711895" y="915873"/>
                  <a:pt x="8676250" y="900745"/>
                  <a:pt x="8678353" y="926318"/>
                </a:cubicBezTo>
                <a:cubicBezTo>
                  <a:pt x="8658506" y="928813"/>
                  <a:pt x="8647569" y="933735"/>
                  <a:pt x="8636849" y="937900"/>
                </a:cubicBezTo>
                <a:lnTo>
                  <a:pt x="8620213" y="943068"/>
                </a:lnTo>
                <a:lnTo>
                  <a:pt x="8612581" y="952695"/>
                </a:lnTo>
                <a:cubicBezTo>
                  <a:pt x="8605836" y="959769"/>
                  <a:pt x="8598255" y="964412"/>
                  <a:pt x="8589038" y="963892"/>
                </a:cubicBezTo>
                <a:lnTo>
                  <a:pt x="8579950" y="960899"/>
                </a:lnTo>
                <a:cubicBezTo>
                  <a:pt x="8579740" y="962476"/>
                  <a:pt x="8579529" y="964053"/>
                  <a:pt x="8579319" y="965630"/>
                </a:cubicBezTo>
                <a:cubicBezTo>
                  <a:pt x="8579138" y="972972"/>
                  <a:pt x="8576531" y="980010"/>
                  <a:pt x="8547429" y="984506"/>
                </a:cubicBezTo>
                <a:cubicBezTo>
                  <a:pt x="8529238" y="1001725"/>
                  <a:pt x="8505565" y="1015840"/>
                  <a:pt x="8478704" y="1025490"/>
                </a:cubicBezTo>
                <a:cubicBezTo>
                  <a:pt x="8473109" y="1019545"/>
                  <a:pt x="8465819" y="1032194"/>
                  <a:pt x="8461421" y="1035512"/>
                </a:cubicBezTo>
                <a:cubicBezTo>
                  <a:pt x="8459739" y="1031087"/>
                  <a:pt x="8447663" y="1032074"/>
                  <a:pt x="8445003" y="1036851"/>
                </a:cubicBezTo>
                <a:cubicBezTo>
                  <a:pt x="8366593" y="1075951"/>
                  <a:pt x="8398773" y="1021402"/>
                  <a:pt x="8357350" y="1060213"/>
                </a:cubicBezTo>
                <a:cubicBezTo>
                  <a:pt x="8349366" y="1063843"/>
                  <a:pt x="8342208" y="1063367"/>
                  <a:pt x="8335565" y="1061151"/>
                </a:cubicBezTo>
                <a:lnTo>
                  <a:pt x="8325267" y="1055919"/>
                </a:lnTo>
                <a:lnTo>
                  <a:pt x="8293586" y="1076144"/>
                </a:lnTo>
                <a:cubicBezTo>
                  <a:pt x="8277595" y="1084193"/>
                  <a:pt x="8260401" y="1090863"/>
                  <a:pt x="8242405" y="1095960"/>
                </a:cubicBezTo>
                <a:cubicBezTo>
                  <a:pt x="8226373" y="1101227"/>
                  <a:pt x="8224213" y="1102052"/>
                  <a:pt x="8197391" y="1107746"/>
                </a:cubicBezTo>
                <a:cubicBezTo>
                  <a:pt x="8090266" y="1152133"/>
                  <a:pt x="8141491" y="1082372"/>
                  <a:pt x="8081474" y="1130125"/>
                </a:cubicBezTo>
                <a:cubicBezTo>
                  <a:pt x="8070634" y="1134173"/>
                  <a:pt x="8061619" y="1132810"/>
                  <a:pt x="8053585" y="1129169"/>
                </a:cubicBezTo>
                <a:lnTo>
                  <a:pt x="8038422" y="1119092"/>
                </a:lnTo>
                <a:lnTo>
                  <a:pt x="8029450" y="1125592"/>
                </a:lnTo>
                <a:cubicBezTo>
                  <a:pt x="7992226" y="1133484"/>
                  <a:pt x="7978616" y="1122765"/>
                  <a:pt x="7959552" y="1140188"/>
                </a:cubicBezTo>
                <a:cubicBezTo>
                  <a:pt x="7922008" y="1119572"/>
                  <a:pt x="7937737" y="1141786"/>
                  <a:pt x="7914188" y="1150862"/>
                </a:cubicBezTo>
                <a:cubicBezTo>
                  <a:pt x="7896037" y="1160155"/>
                  <a:pt x="7933463" y="1163411"/>
                  <a:pt x="7914918" y="1168758"/>
                </a:cubicBezTo>
                <a:cubicBezTo>
                  <a:pt x="7893102" y="1165887"/>
                  <a:pt x="7898453" y="1187420"/>
                  <a:pt x="7875510" y="1183153"/>
                </a:cubicBezTo>
                <a:cubicBezTo>
                  <a:pt x="7877354" y="1165743"/>
                  <a:pt x="7834286" y="1194789"/>
                  <a:pt x="7829932" y="1180782"/>
                </a:cubicBezTo>
                <a:cubicBezTo>
                  <a:pt x="7816047" y="1204874"/>
                  <a:pt x="7801901" y="1181513"/>
                  <a:pt x="7779182" y="1192665"/>
                </a:cubicBezTo>
                <a:cubicBezTo>
                  <a:pt x="7769446" y="1202686"/>
                  <a:pt x="7761564" y="1205661"/>
                  <a:pt x="7748774" y="1199586"/>
                </a:cubicBezTo>
                <a:cubicBezTo>
                  <a:pt x="7704339" y="1247771"/>
                  <a:pt x="7717626" y="1207638"/>
                  <a:pt x="7671846" y="1231966"/>
                </a:cubicBezTo>
                <a:cubicBezTo>
                  <a:pt x="7632956" y="1255682"/>
                  <a:pt x="7587383" y="1275180"/>
                  <a:pt x="7554146" y="1319748"/>
                </a:cubicBezTo>
                <a:cubicBezTo>
                  <a:pt x="7548775" y="1331557"/>
                  <a:pt x="7531272" y="1339155"/>
                  <a:pt x="7515052" y="1336718"/>
                </a:cubicBezTo>
                <a:cubicBezTo>
                  <a:pt x="7512260" y="1336298"/>
                  <a:pt x="7509613" y="1335590"/>
                  <a:pt x="7507193" y="1334617"/>
                </a:cubicBezTo>
                <a:cubicBezTo>
                  <a:pt x="7488273" y="1365207"/>
                  <a:pt x="7468925" y="1356298"/>
                  <a:pt x="7461694" y="1375866"/>
                </a:cubicBezTo>
                <a:cubicBezTo>
                  <a:pt x="7422434" y="1391917"/>
                  <a:pt x="7384603" y="1382819"/>
                  <a:pt x="7377571" y="1400128"/>
                </a:cubicBezTo>
                <a:cubicBezTo>
                  <a:pt x="7356236" y="1403926"/>
                  <a:pt x="7322509" y="1393138"/>
                  <a:pt x="7311261" y="1412652"/>
                </a:cubicBezTo>
                <a:cubicBezTo>
                  <a:pt x="7305349" y="1400071"/>
                  <a:pt x="7289966" y="1428039"/>
                  <a:pt x="7275307" y="1422171"/>
                </a:cubicBezTo>
                <a:cubicBezTo>
                  <a:pt x="7264529" y="1416601"/>
                  <a:pt x="7257348" y="1423786"/>
                  <a:pt x="7247783" y="1426330"/>
                </a:cubicBezTo>
                <a:cubicBezTo>
                  <a:pt x="7233839" y="1423056"/>
                  <a:pt x="7194363" y="1442037"/>
                  <a:pt x="7185047" y="1451812"/>
                </a:cubicBezTo>
                <a:cubicBezTo>
                  <a:pt x="7164447" y="1483396"/>
                  <a:pt x="7101577" y="1475742"/>
                  <a:pt x="7084117" y="1500281"/>
                </a:cubicBezTo>
                <a:cubicBezTo>
                  <a:pt x="7076899" y="1504821"/>
                  <a:pt x="7069494" y="1507565"/>
                  <a:pt x="7062011" y="1509183"/>
                </a:cubicBezTo>
                <a:lnTo>
                  <a:pt x="7040555" y="1511207"/>
                </a:lnTo>
                <a:lnTo>
                  <a:pt x="7033438" y="1506772"/>
                </a:lnTo>
                <a:lnTo>
                  <a:pt x="7020886" y="1510764"/>
                </a:lnTo>
                <a:lnTo>
                  <a:pt x="7017033" y="1510650"/>
                </a:lnTo>
                <a:lnTo>
                  <a:pt x="6995460" y="1511173"/>
                </a:lnTo>
                <a:cubicBezTo>
                  <a:pt x="7010208" y="1537643"/>
                  <a:pt x="6938512" y="1522467"/>
                  <a:pt x="6962144" y="1541508"/>
                </a:cubicBezTo>
                <a:cubicBezTo>
                  <a:pt x="6926351" y="1550586"/>
                  <a:pt x="6958236" y="1566326"/>
                  <a:pt x="6910674" y="1554793"/>
                </a:cubicBezTo>
                <a:cubicBezTo>
                  <a:pt x="6859225" y="1589274"/>
                  <a:pt x="6769015" y="1598548"/>
                  <a:pt x="6732152" y="1642538"/>
                </a:cubicBezTo>
                <a:cubicBezTo>
                  <a:pt x="6734901" y="1628031"/>
                  <a:pt x="6709146" y="1622413"/>
                  <a:pt x="6694106" y="1632377"/>
                </a:cubicBezTo>
                <a:cubicBezTo>
                  <a:pt x="6702628" y="1575914"/>
                  <a:pt x="6638899" y="1692862"/>
                  <a:pt x="6617223" y="1659889"/>
                </a:cubicBezTo>
                <a:cubicBezTo>
                  <a:pt x="6623246" y="1693349"/>
                  <a:pt x="6561228" y="1764690"/>
                  <a:pt x="6521138" y="1744340"/>
                </a:cubicBezTo>
                <a:cubicBezTo>
                  <a:pt x="6469831" y="1761656"/>
                  <a:pt x="6438109" y="1796731"/>
                  <a:pt x="6380677" y="1796883"/>
                </a:cubicBezTo>
                <a:cubicBezTo>
                  <a:pt x="6379865" y="1801686"/>
                  <a:pt x="6377810" y="1805986"/>
                  <a:pt x="6374897" y="1809910"/>
                </a:cubicBezTo>
                <a:lnTo>
                  <a:pt x="6364545" y="1820090"/>
                </a:lnTo>
                <a:lnTo>
                  <a:pt x="6362126" y="1819991"/>
                </a:lnTo>
                <a:cubicBezTo>
                  <a:pt x="6353055" y="1821720"/>
                  <a:pt x="6348796" y="1824537"/>
                  <a:pt x="6346673" y="1827824"/>
                </a:cubicBezTo>
                <a:lnTo>
                  <a:pt x="6345588" y="1832232"/>
                </a:lnTo>
                <a:lnTo>
                  <a:pt x="6335708" y="1838451"/>
                </a:lnTo>
                <a:lnTo>
                  <a:pt x="6318182" y="1852975"/>
                </a:lnTo>
                <a:lnTo>
                  <a:pt x="6313084" y="1853561"/>
                </a:lnTo>
                <a:lnTo>
                  <a:pt x="6283816" y="1872148"/>
                </a:lnTo>
                <a:lnTo>
                  <a:pt x="6282550" y="1871392"/>
                </a:lnTo>
                <a:cubicBezTo>
                  <a:pt x="6279041" y="1870121"/>
                  <a:pt x="6275192" y="1869982"/>
                  <a:pt x="6270527" y="1872208"/>
                </a:cubicBezTo>
                <a:cubicBezTo>
                  <a:pt x="6265029" y="1853962"/>
                  <a:pt x="6262790" y="1867903"/>
                  <a:pt x="6249518" y="1876079"/>
                </a:cubicBezTo>
                <a:cubicBezTo>
                  <a:pt x="6238019" y="1849564"/>
                  <a:pt x="6207959" y="1881750"/>
                  <a:pt x="6190386" y="1872478"/>
                </a:cubicBezTo>
                <a:cubicBezTo>
                  <a:pt x="6180893" y="1879083"/>
                  <a:pt x="6170646" y="1885584"/>
                  <a:pt x="6159777" y="1891745"/>
                </a:cubicBezTo>
                <a:lnTo>
                  <a:pt x="6153131" y="1895079"/>
                </a:lnTo>
                <a:lnTo>
                  <a:pt x="6152798" y="1894920"/>
                </a:lnTo>
                <a:cubicBezTo>
                  <a:pt x="6150925" y="1895166"/>
                  <a:pt x="6148578" y="1896082"/>
                  <a:pt x="6145388" y="1897990"/>
                </a:cubicBezTo>
                <a:lnTo>
                  <a:pt x="6141014" y="1901155"/>
                </a:lnTo>
                <a:lnTo>
                  <a:pt x="6128122" y="1907623"/>
                </a:lnTo>
                <a:lnTo>
                  <a:pt x="6122351" y="1908359"/>
                </a:lnTo>
                <a:cubicBezTo>
                  <a:pt x="6099508" y="1905910"/>
                  <a:pt x="6088334" y="1869006"/>
                  <a:pt x="6064750" y="1896394"/>
                </a:cubicBezTo>
                <a:cubicBezTo>
                  <a:pt x="6025977" y="1903785"/>
                  <a:pt x="5997095" y="1889190"/>
                  <a:pt x="5964230" y="1910038"/>
                </a:cubicBezTo>
                <a:cubicBezTo>
                  <a:pt x="5927910" y="1916874"/>
                  <a:pt x="5894873" y="1914928"/>
                  <a:pt x="5865399" y="1926966"/>
                </a:cubicBezTo>
                <a:cubicBezTo>
                  <a:pt x="5851644" y="1923038"/>
                  <a:pt x="5839380" y="1922808"/>
                  <a:pt x="5829951" y="1934755"/>
                </a:cubicBezTo>
                <a:cubicBezTo>
                  <a:pt x="5795498" y="1938369"/>
                  <a:pt x="5784532" y="1926246"/>
                  <a:pt x="5765285" y="1941322"/>
                </a:cubicBezTo>
                <a:cubicBezTo>
                  <a:pt x="5741789" y="1922874"/>
                  <a:pt x="5742385" y="1931607"/>
                  <a:pt x="5734750" y="1939793"/>
                </a:cubicBezTo>
                <a:lnTo>
                  <a:pt x="5733569" y="1940505"/>
                </a:lnTo>
                <a:lnTo>
                  <a:pt x="5730329" y="1937845"/>
                </a:lnTo>
                <a:lnTo>
                  <a:pt x="5724661" y="1937455"/>
                </a:lnTo>
                <a:lnTo>
                  <a:pt x="5710186" y="1941370"/>
                </a:lnTo>
                <a:lnTo>
                  <a:pt x="5704910" y="1943663"/>
                </a:lnTo>
                <a:cubicBezTo>
                  <a:pt x="5701213" y="1944937"/>
                  <a:pt x="5698678" y="1945391"/>
                  <a:pt x="5696836" y="1945271"/>
                </a:cubicBezTo>
                <a:lnTo>
                  <a:pt x="5696583" y="1945050"/>
                </a:lnTo>
                <a:lnTo>
                  <a:pt x="5689123" y="1947067"/>
                </a:lnTo>
                <a:cubicBezTo>
                  <a:pt x="5676655" y="1951072"/>
                  <a:pt x="5664639" y="1955533"/>
                  <a:pt x="5653291" y="1960245"/>
                </a:cubicBezTo>
                <a:cubicBezTo>
                  <a:pt x="5640346" y="1947636"/>
                  <a:pt x="5600180" y="1973739"/>
                  <a:pt x="5599385" y="1945198"/>
                </a:cubicBezTo>
                <a:cubicBezTo>
                  <a:pt x="5583913" y="1950736"/>
                  <a:pt x="5576590" y="1964134"/>
                  <a:pt x="5578300" y="1944963"/>
                </a:cubicBezTo>
                <a:cubicBezTo>
                  <a:pt x="5573104" y="1946266"/>
                  <a:pt x="5569560" y="1945382"/>
                  <a:pt x="5566758" y="1943441"/>
                </a:cubicBezTo>
                <a:lnTo>
                  <a:pt x="5565857" y="1942445"/>
                </a:lnTo>
                <a:lnTo>
                  <a:pt x="5531534" y="1955208"/>
                </a:lnTo>
                <a:lnTo>
                  <a:pt x="5526552" y="1954799"/>
                </a:lnTo>
                <a:lnTo>
                  <a:pt x="5504723" y="1965811"/>
                </a:lnTo>
                <a:lnTo>
                  <a:pt x="5493156" y="1970063"/>
                </a:lnTo>
                <a:lnTo>
                  <a:pt x="5490486" y="1974227"/>
                </a:lnTo>
                <a:cubicBezTo>
                  <a:pt x="5487271" y="1977077"/>
                  <a:pt x="5482233" y="1979045"/>
                  <a:pt x="5473107" y="1979001"/>
                </a:cubicBezTo>
                <a:lnTo>
                  <a:pt x="5470885" y="1978432"/>
                </a:lnTo>
                <a:lnTo>
                  <a:pt x="5457393" y="1986525"/>
                </a:lnTo>
                <a:cubicBezTo>
                  <a:pt x="5453194" y="1989853"/>
                  <a:pt x="5449663" y="1993721"/>
                  <a:pt x="5447102" y="1998329"/>
                </a:cubicBezTo>
                <a:cubicBezTo>
                  <a:pt x="5386283" y="2017364"/>
                  <a:pt x="5223545" y="2015483"/>
                  <a:pt x="5159151" y="2029640"/>
                </a:cubicBezTo>
                <a:cubicBezTo>
                  <a:pt x="5141359" y="2036610"/>
                  <a:pt x="5090827" y="2076822"/>
                  <a:pt x="5098838" y="2062961"/>
                </a:cubicBezTo>
                <a:cubicBezTo>
                  <a:pt x="5047883" y="2099457"/>
                  <a:pt x="4922007" y="2111466"/>
                  <a:pt x="4860988" y="2135698"/>
                </a:cubicBezTo>
                <a:cubicBezTo>
                  <a:pt x="4805413" y="2152292"/>
                  <a:pt x="4784714" y="2158665"/>
                  <a:pt x="4765388" y="2162525"/>
                </a:cubicBezTo>
                <a:cubicBezTo>
                  <a:pt x="4758560" y="2161978"/>
                  <a:pt x="4751823" y="2160531"/>
                  <a:pt x="4745033" y="2158859"/>
                </a:cubicBezTo>
                <a:lnTo>
                  <a:pt x="4741475" y="2157998"/>
                </a:lnTo>
                <a:lnTo>
                  <a:pt x="4728247" y="2159526"/>
                </a:lnTo>
                <a:lnTo>
                  <a:pt x="4723263" y="2153742"/>
                </a:lnTo>
                <a:lnTo>
                  <a:pt x="4593061" y="2171597"/>
                </a:lnTo>
                <a:lnTo>
                  <a:pt x="4405765" y="2199902"/>
                </a:lnTo>
                <a:cubicBezTo>
                  <a:pt x="4403942" y="2198353"/>
                  <a:pt x="4402457" y="2196614"/>
                  <a:pt x="4401354" y="2194745"/>
                </a:cubicBezTo>
                <a:lnTo>
                  <a:pt x="4366646" y="2198564"/>
                </a:lnTo>
                <a:lnTo>
                  <a:pt x="4354009" y="2204984"/>
                </a:lnTo>
                <a:lnTo>
                  <a:pt x="4348284" y="2205270"/>
                </a:lnTo>
                <a:lnTo>
                  <a:pt x="4333906" y="2205251"/>
                </a:lnTo>
                <a:cubicBezTo>
                  <a:pt x="4326429" y="2204713"/>
                  <a:pt x="4318024" y="2203940"/>
                  <a:pt x="4308819" y="2203822"/>
                </a:cubicBezTo>
                <a:lnTo>
                  <a:pt x="4301210" y="2204456"/>
                </a:lnTo>
                <a:lnTo>
                  <a:pt x="4283095" y="2198177"/>
                </a:lnTo>
                <a:cubicBezTo>
                  <a:pt x="4269863" y="2193337"/>
                  <a:pt x="4259612" y="2190345"/>
                  <a:pt x="4250119" y="2196342"/>
                </a:cubicBezTo>
                <a:cubicBezTo>
                  <a:pt x="4230702" y="2190559"/>
                  <a:pt x="4213171" y="2166890"/>
                  <a:pt x="4189203" y="2178994"/>
                </a:cubicBezTo>
                <a:cubicBezTo>
                  <a:pt x="4194512" y="2165594"/>
                  <a:pt x="4160734" y="2183257"/>
                  <a:pt x="4154035" y="2171950"/>
                </a:cubicBezTo>
                <a:cubicBezTo>
                  <a:pt x="4150098" y="2162547"/>
                  <a:pt x="4138934" y="2165714"/>
                  <a:pt x="4129569" y="2163850"/>
                </a:cubicBezTo>
                <a:cubicBezTo>
                  <a:pt x="4121391" y="2155090"/>
                  <a:pt x="4076089" y="2154737"/>
                  <a:pt x="4061250" y="2159236"/>
                </a:cubicBezTo>
                <a:cubicBezTo>
                  <a:pt x="4020618" y="2177811"/>
                  <a:pt x="3978175" y="2144465"/>
                  <a:pt x="3945480" y="2158279"/>
                </a:cubicBezTo>
                <a:cubicBezTo>
                  <a:pt x="3936362" y="2159139"/>
                  <a:pt x="3928502" y="2158369"/>
                  <a:pt x="3921468" y="2156588"/>
                </a:cubicBezTo>
                <a:lnTo>
                  <a:pt x="3903348" y="2149220"/>
                </a:lnTo>
                <a:lnTo>
                  <a:pt x="3901342" y="2142355"/>
                </a:lnTo>
                <a:lnTo>
                  <a:pt x="3888539" y="2140476"/>
                </a:lnTo>
                <a:lnTo>
                  <a:pt x="3885662" y="2138740"/>
                </a:lnTo>
                <a:cubicBezTo>
                  <a:pt x="3880178" y="2135398"/>
                  <a:pt x="3874645" y="2132286"/>
                  <a:pt x="3868627" y="2130023"/>
                </a:cubicBezTo>
                <a:cubicBezTo>
                  <a:pt x="3859240" y="2159198"/>
                  <a:pt x="3815892" y="2115590"/>
                  <a:pt x="3819177" y="2142111"/>
                </a:cubicBezTo>
                <a:cubicBezTo>
                  <a:pt x="3784478" y="2134756"/>
                  <a:pt x="3796708" y="2161930"/>
                  <a:pt x="3769100" y="2131731"/>
                </a:cubicBezTo>
                <a:cubicBezTo>
                  <a:pt x="3702423" y="2139704"/>
                  <a:pt x="3625642" y="2109386"/>
                  <a:pt x="3562752" y="2131785"/>
                </a:cubicBezTo>
                <a:cubicBezTo>
                  <a:pt x="3576244" y="2120400"/>
                  <a:pt x="3560801" y="2104591"/>
                  <a:pt x="3541402" y="2106821"/>
                </a:cubicBezTo>
                <a:cubicBezTo>
                  <a:pt x="3592232" y="2061584"/>
                  <a:pt x="3356194" y="2115384"/>
                  <a:pt x="3365341" y="2077638"/>
                </a:cubicBezTo>
                <a:cubicBezTo>
                  <a:pt x="3303594" y="2079161"/>
                  <a:pt x="3221644" y="2111487"/>
                  <a:pt x="3170922" y="2115957"/>
                </a:cubicBezTo>
                <a:cubicBezTo>
                  <a:pt x="3166532" y="2119769"/>
                  <a:pt x="3161579" y="2122617"/>
                  <a:pt x="3156256" y="2124773"/>
                </a:cubicBezTo>
                <a:lnTo>
                  <a:pt x="3140298" y="2129182"/>
                </a:lnTo>
                <a:lnTo>
                  <a:pt x="3138514" y="2128069"/>
                </a:lnTo>
                <a:cubicBezTo>
                  <a:pt x="3130169" y="2125710"/>
                  <a:pt x="3124679" y="2126336"/>
                  <a:pt x="3120467" y="2128281"/>
                </a:cubicBezTo>
                <a:lnTo>
                  <a:pt x="3116175" y="2131633"/>
                </a:lnTo>
                <a:lnTo>
                  <a:pt x="3103685" y="2132814"/>
                </a:lnTo>
                <a:lnTo>
                  <a:pt x="3078794" y="2137935"/>
                </a:lnTo>
                <a:lnTo>
                  <a:pt x="3074407" y="2136274"/>
                </a:lnTo>
                <a:lnTo>
                  <a:pt x="3037285" y="2139919"/>
                </a:lnTo>
                <a:lnTo>
                  <a:pt x="3036901" y="2138726"/>
                </a:lnTo>
                <a:cubicBezTo>
                  <a:pt x="3035193" y="2136135"/>
                  <a:pt x="3032337" y="2134379"/>
                  <a:pt x="3026996" y="2134322"/>
                </a:cubicBezTo>
                <a:cubicBezTo>
                  <a:pt x="3037063" y="2116196"/>
                  <a:pt x="3024412" y="2127308"/>
                  <a:pt x="3007772" y="2128742"/>
                </a:cubicBezTo>
                <a:cubicBezTo>
                  <a:pt x="3019697" y="2100910"/>
                  <a:pt x="2971305" y="2115987"/>
                  <a:pt x="2965030" y="2100494"/>
                </a:cubicBezTo>
                <a:cubicBezTo>
                  <a:pt x="2952539" y="2102174"/>
                  <a:pt x="2939545" y="2103445"/>
                  <a:pt x="2926342" y="2104155"/>
                </a:cubicBezTo>
                <a:lnTo>
                  <a:pt x="2918608" y="2104215"/>
                </a:lnTo>
                <a:cubicBezTo>
                  <a:pt x="2918564" y="2104122"/>
                  <a:pt x="2918519" y="2104030"/>
                  <a:pt x="2918475" y="2103937"/>
                </a:cubicBezTo>
                <a:cubicBezTo>
                  <a:pt x="2916840" y="2103354"/>
                  <a:pt x="2914314" y="2103149"/>
                  <a:pt x="2910360" y="2103444"/>
                </a:cubicBezTo>
                <a:lnTo>
                  <a:pt x="2904507" y="2104326"/>
                </a:lnTo>
                <a:lnTo>
                  <a:pt x="2889503" y="2104443"/>
                </a:lnTo>
                <a:lnTo>
                  <a:pt x="2884480" y="2102626"/>
                </a:lnTo>
                <a:lnTo>
                  <a:pt x="2882689" y="2099228"/>
                </a:lnTo>
                <a:lnTo>
                  <a:pt x="2881291" y="2099618"/>
                </a:lnTo>
                <a:cubicBezTo>
                  <a:pt x="2870663" y="2105606"/>
                  <a:pt x="2867338" y="2114210"/>
                  <a:pt x="2853979" y="2090388"/>
                </a:cubicBezTo>
                <a:cubicBezTo>
                  <a:pt x="2829652" y="2100099"/>
                  <a:pt x="2824975" y="2085577"/>
                  <a:pt x="2791790" y="2080332"/>
                </a:cubicBezTo>
                <a:cubicBezTo>
                  <a:pt x="2777850" y="2089504"/>
                  <a:pt x="2766709" y="2086170"/>
                  <a:pt x="2755844" y="2078874"/>
                </a:cubicBezTo>
                <a:cubicBezTo>
                  <a:pt x="2723488" y="2083049"/>
                  <a:pt x="2694065" y="2072780"/>
                  <a:pt x="2657742" y="2070179"/>
                </a:cubicBezTo>
                <a:cubicBezTo>
                  <a:pt x="2618372" y="2082020"/>
                  <a:pt x="2598368" y="2060559"/>
                  <a:pt x="2559549" y="2057873"/>
                </a:cubicBezTo>
                <a:cubicBezTo>
                  <a:pt x="2525789" y="2078403"/>
                  <a:pt x="2531908" y="2039838"/>
                  <a:pt x="2512054" y="2031671"/>
                </a:cubicBezTo>
                <a:lnTo>
                  <a:pt x="2506437" y="2030918"/>
                </a:lnTo>
                <a:lnTo>
                  <a:pt x="2491752" y="2033906"/>
                </a:lnTo>
                <a:lnTo>
                  <a:pt x="2486338" y="2035862"/>
                </a:lnTo>
                <a:cubicBezTo>
                  <a:pt x="2482568" y="2036899"/>
                  <a:pt x="2480011" y="2037191"/>
                  <a:pt x="2478186" y="2036953"/>
                </a:cubicBezTo>
                <a:lnTo>
                  <a:pt x="2477950" y="2036715"/>
                </a:lnTo>
                <a:lnTo>
                  <a:pt x="2470381" y="2038256"/>
                </a:lnTo>
                <a:cubicBezTo>
                  <a:pt x="2457686" y="2041461"/>
                  <a:pt x="2445410" y="2045155"/>
                  <a:pt x="2433781" y="2049140"/>
                </a:cubicBezTo>
                <a:cubicBezTo>
                  <a:pt x="2421781" y="2035703"/>
                  <a:pt x="2379959" y="2059234"/>
                  <a:pt x="2381172" y="2030645"/>
                </a:cubicBezTo>
                <a:cubicBezTo>
                  <a:pt x="2365380" y="2035192"/>
                  <a:pt x="2357148" y="2048120"/>
                  <a:pt x="2360198" y="2029059"/>
                </a:cubicBezTo>
                <a:cubicBezTo>
                  <a:pt x="2354933" y="2030031"/>
                  <a:pt x="2351467" y="2028919"/>
                  <a:pt x="2348815" y="2026798"/>
                </a:cubicBezTo>
                <a:lnTo>
                  <a:pt x="2347988" y="2025745"/>
                </a:lnTo>
                <a:lnTo>
                  <a:pt x="2312920" y="2036311"/>
                </a:lnTo>
                <a:lnTo>
                  <a:pt x="2307986" y="2035583"/>
                </a:lnTo>
                <a:lnTo>
                  <a:pt x="2285481" y="2045197"/>
                </a:lnTo>
                <a:lnTo>
                  <a:pt x="2273666" y="2048710"/>
                </a:lnTo>
                <a:lnTo>
                  <a:pt x="2270719" y="2052702"/>
                </a:lnTo>
                <a:cubicBezTo>
                  <a:pt x="2267315" y="2055347"/>
                  <a:pt x="2262161" y="2056992"/>
                  <a:pt x="2253080" y="2056363"/>
                </a:cubicBezTo>
                <a:lnTo>
                  <a:pt x="2250906" y="2055654"/>
                </a:lnTo>
                <a:lnTo>
                  <a:pt x="2236905" y="2062882"/>
                </a:lnTo>
                <a:cubicBezTo>
                  <a:pt x="2232493" y="2065942"/>
                  <a:pt x="2228705" y="2069583"/>
                  <a:pt x="2225830" y="2074027"/>
                </a:cubicBezTo>
                <a:cubicBezTo>
                  <a:pt x="2173117" y="2059597"/>
                  <a:pt x="2128486" y="2085502"/>
                  <a:pt x="2073776" y="2089244"/>
                </a:cubicBezTo>
                <a:cubicBezTo>
                  <a:pt x="2046050" y="2059365"/>
                  <a:pt x="1957570" y="2112693"/>
                  <a:pt x="1948256" y="2146616"/>
                </a:cubicBezTo>
                <a:cubicBezTo>
                  <a:pt x="1943005" y="2109192"/>
                  <a:pt x="1832736" y="2206239"/>
                  <a:pt x="1865582" y="2153738"/>
                </a:cubicBezTo>
                <a:cubicBezTo>
                  <a:pt x="1847376" y="2159567"/>
                  <a:pt x="1826258" y="2147592"/>
                  <a:pt x="1835210" y="2134244"/>
                </a:cubicBezTo>
                <a:cubicBezTo>
                  <a:pt x="1781916" y="2167476"/>
                  <a:pt x="1695112" y="2153556"/>
                  <a:pt x="1632661" y="2173882"/>
                </a:cubicBezTo>
                <a:cubicBezTo>
                  <a:pt x="1594177" y="2150642"/>
                  <a:pt x="1616426" y="2173975"/>
                  <a:pt x="1579590" y="2173680"/>
                </a:cubicBezTo>
                <a:cubicBezTo>
                  <a:pt x="1592812" y="2198112"/>
                  <a:pt x="1533818" y="2165220"/>
                  <a:pt x="1535601" y="2194590"/>
                </a:cubicBezTo>
                <a:cubicBezTo>
                  <a:pt x="1528840" y="2193608"/>
                  <a:pt x="1522236" y="2191728"/>
                  <a:pt x="1515594" y="2189622"/>
                </a:cubicBezTo>
                <a:lnTo>
                  <a:pt x="1512113" y="2188534"/>
                </a:lnTo>
                <a:lnTo>
                  <a:pt x="1498838" y="2189213"/>
                </a:lnTo>
                <a:lnTo>
                  <a:pt x="1494279" y="2183112"/>
                </a:lnTo>
                <a:lnTo>
                  <a:pt x="1473714" y="2179625"/>
                </a:lnTo>
                <a:cubicBezTo>
                  <a:pt x="1466138" y="2179292"/>
                  <a:pt x="1458132" y="2180071"/>
                  <a:pt x="1449503" y="2182633"/>
                </a:cubicBezTo>
                <a:lnTo>
                  <a:pt x="1266687" y="2212688"/>
                </a:lnTo>
                <a:cubicBezTo>
                  <a:pt x="1256792" y="2212722"/>
                  <a:pt x="1247024" y="2217857"/>
                  <a:pt x="1239614" y="2209727"/>
                </a:cubicBezTo>
                <a:cubicBezTo>
                  <a:pt x="1228778" y="2200326"/>
                  <a:pt x="1202276" y="2223497"/>
                  <a:pt x="1202436" y="2209817"/>
                </a:cubicBezTo>
                <a:cubicBezTo>
                  <a:pt x="1183471" y="2225854"/>
                  <a:pt x="1157340" y="2206849"/>
                  <a:pt x="1136097" y="2205112"/>
                </a:cubicBezTo>
                <a:cubicBezTo>
                  <a:pt x="1100396" y="2209415"/>
                  <a:pt x="1013922" y="2231219"/>
                  <a:pt x="988232" y="2235635"/>
                </a:cubicBezTo>
                <a:cubicBezTo>
                  <a:pt x="986445" y="2234079"/>
                  <a:pt x="984332" y="2232722"/>
                  <a:pt x="981959" y="2231607"/>
                </a:cubicBezTo>
                <a:cubicBezTo>
                  <a:pt x="968170" y="2225130"/>
                  <a:pt x="948759" y="2228043"/>
                  <a:pt x="938600" y="2238113"/>
                </a:cubicBezTo>
                <a:cubicBezTo>
                  <a:pt x="888371" y="2272824"/>
                  <a:pt x="837950" y="2280135"/>
                  <a:pt x="791788" y="2293224"/>
                </a:cubicBezTo>
                <a:cubicBezTo>
                  <a:pt x="739035" y="2305159"/>
                  <a:pt x="769009" y="2269676"/>
                  <a:pt x="706914" y="2305046"/>
                </a:cubicBezTo>
                <a:cubicBezTo>
                  <a:pt x="697882" y="2295919"/>
                  <a:pt x="689339" y="2296797"/>
                  <a:pt x="675971" y="2304030"/>
                </a:cubicBezTo>
                <a:cubicBezTo>
                  <a:pt x="650201" y="2309060"/>
                  <a:pt x="647591" y="2282853"/>
                  <a:pt x="624180" y="2302650"/>
                </a:cubicBezTo>
                <a:cubicBezTo>
                  <a:pt x="626400" y="2287987"/>
                  <a:pt x="574045" y="2305175"/>
                  <a:pt x="583453" y="2288788"/>
                </a:cubicBezTo>
                <a:cubicBezTo>
                  <a:pt x="564313" y="2278832"/>
                  <a:pt x="559671" y="2301039"/>
                  <a:pt x="540946" y="2292721"/>
                </a:cubicBezTo>
                <a:cubicBezTo>
                  <a:pt x="521576" y="2293191"/>
                  <a:pt x="554439" y="2305843"/>
                  <a:pt x="533680" y="2310233"/>
                </a:cubicBezTo>
                <a:cubicBezTo>
                  <a:pt x="508069" y="2313043"/>
                  <a:pt x="512638" y="2338541"/>
                  <a:pt x="487366" y="2309053"/>
                </a:cubicBezTo>
                <a:cubicBezTo>
                  <a:pt x="462164" y="2321083"/>
                  <a:pt x="454441" y="2307251"/>
                  <a:pt x="416820" y="2305443"/>
                </a:cubicBezTo>
                <a:cubicBezTo>
                  <a:pt x="403012" y="2315890"/>
                  <a:pt x="390105" y="2313733"/>
                  <a:pt x="376805" y="2307647"/>
                </a:cubicBezTo>
                <a:cubicBezTo>
                  <a:pt x="341751" y="2315035"/>
                  <a:pt x="307408" y="2307897"/>
                  <a:pt x="266777" y="2309012"/>
                </a:cubicBezTo>
                <a:cubicBezTo>
                  <a:pt x="225310" y="2324664"/>
                  <a:pt x="199419" y="2305548"/>
                  <a:pt x="156013" y="2306832"/>
                </a:cubicBezTo>
                <a:cubicBezTo>
                  <a:pt x="117457" y="2333851"/>
                  <a:pt x="122965" y="2279562"/>
                  <a:pt x="87258" y="2285511"/>
                </a:cubicBezTo>
                <a:cubicBezTo>
                  <a:pt x="38977" y="2309189"/>
                  <a:pt x="74043" y="2277969"/>
                  <a:pt x="23798" y="2281822"/>
                </a:cubicBezTo>
                <a:lnTo>
                  <a:pt x="0" y="2285369"/>
                </a:lnTo>
                <a:lnTo>
                  <a:pt x="0" y="0"/>
                </a:ln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bg2"/>
              </a:solidFill>
            </a:endParaRPr>
          </a:p>
        </p:txBody>
      </p:sp>
      <p:sp>
        <p:nvSpPr>
          <p:cNvPr id="7" name="TextBox 6">
            <a:extLst>
              <a:ext uri="{FF2B5EF4-FFF2-40B4-BE49-F238E27FC236}">
                <a16:creationId xmlns:a16="http://schemas.microsoft.com/office/drawing/2014/main" id="{E54D546C-52E9-B7F5-4930-836544E1F894}"/>
              </a:ext>
            </a:extLst>
          </p:cNvPr>
          <p:cNvSpPr txBox="1"/>
          <p:nvPr/>
        </p:nvSpPr>
        <p:spPr>
          <a:xfrm>
            <a:off x="723712" y="509587"/>
            <a:ext cx="7647247" cy="742951"/>
          </a:xfrm>
          <a:prstGeom prst="rect">
            <a:avLst/>
          </a:prstGeom>
        </p:spPr>
        <p:txBody>
          <a:bodyPr vert="horz" lIns="91440" tIns="45720" rIns="91440" bIns="45720" rtlCol="0" anchor="ctr">
            <a:normAutofit/>
          </a:bodyPr>
          <a:lstStyle/>
          <a:p>
            <a:pPr fontAlgn="base">
              <a:lnSpc>
                <a:spcPct val="90000"/>
              </a:lnSpc>
              <a:spcBef>
                <a:spcPct val="0"/>
              </a:spcBef>
              <a:spcAft>
                <a:spcPts val="600"/>
              </a:spcAft>
            </a:pPr>
            <a:r>
              <a:rPr lang="en-US" sz="2000" b="1" kern="1200" dirty="0" err="1">
                <a:solidFill>
                  <a:srgbClr val="0070C0"/>
                </a:solidFill>
                <a:latin typeface="+mj-lt"/>
                <a:ea typeface="+mj-ea"/>
                <a:cs typeface="+mj-cs"/>
              </a:rPr>
              <a:t>Previsione</a:t>
            </a:r>
            <a:r>
              <a:rPr lang="en-US" sz="2000" b="1" kern="1200" dirty="0">
                <a:solidFill>
                  <a:srgbClr val="0070C0"/>
                </a:solidFill>
                <a:latin typeface="+mj-lt"/>
                <a:ea typeface="+mj-ea"/>
                <a:cs typeface="+mj-cs"/>
              </a:rPr>
              <a:t> del </a:t>
            </a:r>
            <a:r>
              <a:rPr lang="en-US" sz="2000" b="1" kern="1200" dirty="0" err="1">
                <a:solidFill>
                  <a:srgbClr val="0070C0"/>
                </a:solidFill>
                <a:latin typeface="+mj-lt"/>
                <a:ea typeface="+mj-ea"/>
                <a:cs typeface="+mj-cs"/>
              </a:rPr>
              <a:t>numero</a:t>
            </a:r>
            <a:r>
              <a:rPr lang="en-US" sz="2000" b="1" kern="1200" dirty="0">
                <a:solidFill>
                  <a:srgbClr val="0070C0"/>
                </a:solidFill>
                <a:latin typeface="+mj-lt"/>
                <a:ea typeface="+mj-ea"/>
                <a:cs typeface="+mj-cs"/>
              </a:rPr>
              <a:t> di </a:t>
            </a:r>
            <a:r>
              <a:rPr lang="en-US" sz="2000" b="1" kern="1200" dirty="0" err="1">
                <a:solidFill>
                  <a:srgbClr val="0070C0"/>
                </a:solidFill>
                <a:latin typeface="+mj-lt"/>
                <a:ea typeface="+mj-ea"/>
                <a:cs typeface="+mj-cs"/>
              </a:rPr>
              <a:t>transazioni</a:t>
            </a:r>
            <a:r>
              <a:rPr lang="en-US" sz="2000" b="1" kern="1200" dirty="0">
                <a:solidFill>
                  <a:srgbClr val="0070C0"/>
                </a:solidFill>
                <a:latin typeface="+mj-lt"/>
                <a:ea typeface="+mj-ea"/>
                <a:cs typeface="+mj-cs"/>
              </a:rPr>
              <a:t> per </a:t>
            </a:r>
            <a:r>
              <a:rPr lang="en-US" sz="2000" b="1" dirty="0" err="1">
                <a:solidFill>
                  <a:srgbClr val="0070C0"/>
                </a:solidFill>
                <a:latin typeface="+mj-lt"/>
                <a:ea typeface="+mj-ea"/>
                <a:cs typeface="+mj-cs"/>
              </a:rPr>
              <a:t>l’Italia</a:t>
            </a:r>
            <a:r>
              <a:rPr lang="en-US" sz="2000" b="1" dirty="0">
                <a:solidFill>
                  <a:srgbClr val="0070C0"/>
                </a:solidFill>
                <a:latin typeface="+mj-lt"/>
                <a:ea typeface="+mj-ea"/>
                <a:cs typeface="+mj-cs"/>
              </a:rPr>
              <a:t> (IT01)</a:t>
            </a:r>
            <a:endParaRPr lang="en-US" sz="2000" b="1" kern="1200" dirty="0">
              <a:solidFill>
                <a:srgbClr val="0070C0"/>
              </a:solidFill>
              <a:latin typeface="+mj-lt"/>
              <a:ea typeface="+mj-ea"/>
              <a:cs typeface="+mj-cs"/>
            </a:endParaRPr>
          </a:p>
        </p:txBody>
      </p:sp>
      <p:pic>
        <p:nvPicPr>
          <p:cNvPr id="9" name="Immagine 8" descr="Immagine che contiene Diagramma, testo, linea, diagramma&#10;&#10;Descrizione generata automaticamente">
            <a:extLst>
              <a:ext uri="{FF2B5EF4-FFF2-40B4-BE49-F238E27FC236}">
                <a16:creationId xmlns:a16="http://schemas.microsoft.com/office/drawing/2014/main" id="{3CA2ACCA-5F47-C7ED-079C-118B94405A0E}"/>
              </a:ext>
            </a:extLst>
          </p:cNvPr>
          <p:cNvPicPr>
            <a:picLocks noChangeAspect="1"/>
          </p:cNvPicPr>
          <p:nvPr/>
        </p:nvPicPr>
        <p:blipFill>
          <a:blip r:embed="rId3"/>
          <a:stretch>
            <a:fillRect/>
          </a:stretch>
        </p:blipFill>
        <p:spPr>
          <a:xfrm>
            <a:off x="723712" y="2008641"/>
            <a:ext cx="10765376" cy="3660226"/>
          </a:xfrm>
          <a:prstGeom prst="rect">
            <a:avLst/>
          </a:prstGeom>
        </p:spPr>
      </p:pic>
      <p:sp>
        <p:nvSpPr>
          <p:cNvPr id="25" name="Freeform: Shape 24">
            <a:extLst>
              <a:ext uri="{FF2B5EF4-FFF2-40B4-BE49-F238E27FC236}">
                <a16:creationId xmlns:a16="http://schemas.microsoft.com/office/drawing/2014/main" id="{DEB62645-D4DA-4E99-8344-B1536F63D10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5305705" y="6277971"/>
            <a:ext cx="6883120" cy="580030"/>
          </a:xfrm>
          <a:custGeom>
            <a:avLst/>
            <a:gdLst>
              <a:gd name="connsiteX0" fmla="*/ 6884912 w 6884912"/>
              <a:gd name="connsiteY0" fmla="*/ 0 h 1161397"/>
              <a:gd name="connsiteX1" fmla="*/ 6884912 w 6884912"/>
              <a:gd name="connsiteY1" fmla="*/ 1161397 h 1161397"/>
              <a:gd name="connsiteX2" fmla="*/ 0 w 6884912"/>
              <a:gd name="connsiteY2" fmla="*/ 1161397 h 1161397"/>
              <a:gd name="connsiteX3" fmla="*/ 27135 w 6884912"/>
              <a:gd name="connsiteY3" fmla="*/ 1147460 h 1161397"/>
              <a:gd name="connsiteX4" fmla="*/ 115388 w 6884912"/>
              <a:gd name="connsiteY4" fmla="*/ 1159043 h 1161397"/>
              <a:gd name="connsiteX5" fmla="*/ 119094 w 6884912"/>
              <a:gd name="connsiteY5" fmla="*/ 1148463 h 1161397"/>
              <a:gd name="connsiteX6" fmla="*/ 171824 w 6884912"/>
              <a:gd name="connsiteY6" fmla="*/ 1133224 h 1161397"/>
              <a:gd name="connsiteX7" fmla="*/ 376455 w 6884912"/>
              <a:gd name="connsiteY7" fmla="*/ 1137381 h 1161397"/>
              <a:gd name="connsiteX8" fmla="*/ 478946 w 6884912"/>
              <a:gd name="connsiteY8" fmla="*/ 1106011 h 1161397"/>
              <a:gd name="connsiteX9" fmla="*/ 512111 w 6884912"/>
              <a:gd name="connsiteY9" fmla="*/ 1085599 h 1161397"/>
              <a:gd name="connsiteX10" fmla="*/ 567875 w 6884912"/>
              <a:gd name="connsiteY10" fmla="*/ 1051976 h 1161397"/>
              <a:gd name="connsiteX11" fmla="*/ 601644 w 6884912"/>
              <a:gd name="connsiteY11" fmla="*/ 1003997 h 1161397"/>
              <a:gd name="connsiteX12" fmla="*/ 651408 w 6884912"/>
              <a:gd name="connsiteY12" fmla="*/ 984938 h 1161397"/>
              <a:gd name="connsiteX13" fmla="*/ 673197 w 6884912"/>
              <a:gd name="connsiteY13" fmla="*/ 1010060 h 1161397"/>
              <a:gd name="connsiteX14" fmla="*/ 723108 w 6884912"/>
              <a:gd name="connsiteY14" fmla="*/ 980081 h 1161397"/>
              <a:gd name="connsiteX15" fmla="*/ 797699 w 6884912"/>
              <a:gd name="connsiteY15" fmla="*/ 931362 h 1161397"/>
              <a:gd name="connsiteX16" fmla="*/ 843359 w 6884912"/>
              <a:gd name="connsiteY16" fmla="*/ 910894 h 1161397"/>
              <a:gd name="connsiteX17" fmla="*/ 965215 w 6884912"/>
              <a:gd name="connsiteY17" fmla="*/ 846701 h 1161397"/>
              <a:gd name="connsiteX18" fmla="*/ 1085080 w 6884912"/>
              <a:gd name="connsiteY18" fmla="*/ 776086 h 1161397"/>
              <a:gd name="connsiteX19" fmla="*/ 1131224 w 6884912"/>
              <a:gd name="connsiteY19" fmla="*/ 706160 h 1161397"/>
              <a:gd name="connsiteX20" fmla="*/ 1138051 w 6884912"/>
              <a:gd name="connsiteY20" fmla="*/ 702034 h 1161397"/>
              <a:gd name="connsiteX21" fmla="*/ 1158800 w 6884912"/>
              <a:gd name="connsiteY21" fmla="*/ 700004 h 1161397"/>
              <a:gd name="connsiteX22" fmla="*/ 1166947 w 6884912"/>
              <a:gd name="connsiteY22" fmla="*/ 700762 h 1161397"/>
              <a:gd name="connsiteX23" fmla="*/ 1178135 w 6884912"/>
              <a:gd name="connsiteY23" fmla="*/ 698631 h 1161397"/>
              <a:gd name="connsiteX24" fmla="*/ 1178301 w 6884912"/>
              <a:gd name="connsiteY24" fmla="*/ 698094 h 1161397"/>
              <a:gd name="connsiteX25" fmla="*/ 1188995 w 6884912"/>
              <a:gd name="connsiteY25" fmla="*/ 697048 h 1161397"/>
              <a:gd name="connsiteX26" fmla="*/ 1242716 w 6884912"/>
              <a:gd name="connsiteY26" fmla="*/ 698052 h 1161397"/>
              <a:gd name="connsiteX27" fmla="*/ 1299977 w 6884912"/>
              <a:gd name="connsiteY27" fmla="*/ 639196 h 1161397"/>
              <a:gd name="connsiteX28" fmla="*/ 1326190 w 6884912"/>
              <a:gd name="connsiteY28" fmla="*/ 625955 h 1161397"/>
              <a:gd name="connsiteX29" fmla="*/ 1339600 w 6884912"/>
              <a:gd name="connsiteY29" fmla="*/ 616295 h 1161397"/>
              <a:gd name="connsiteX30" fmla="*/ 1340054 w 6884912"/>
              <a:gd name="connsiteY30" fmla="*/ 614022 h 1161397"/>
              <a:gd name="connsiteX31" fmla="*/ 1391606 w 6884912"/>
              <a:gd name="connsiteY31" fmla="*/ 615229 h 1161397"/>
              <a:gd name="connsiteX32" fmla="*/ 1397565 w 6884912"/>
              <a:gd name="connsiteY32" fmla="*/ 611490 h 1161397"/>
              <a:gd name="connsiteX33" fmla="*/ 1432302 w 6884912"/>
              <a:gd name="connsiteY33" fmla="*/ 617267 h 1161397"/>
              <a:gd name="connsiteX34" fmla="*/ 1449644 w 6884912"/>
              <a:gd name="connsiteY34" fmla="*/ 617591 h 1161397"/>
              <a:gd name="connsiteX35" fmla="*/ 1455793 w 6884912"/>
              <a:gd name="connsiteY35" fmla="*/ 623174 h 1161397"/>
              <a:gd name="connsiteX36" fmla="*/ 1480758 w 6884912"/>
              <a:gd name="connsiteY36" fmla="*/ 620863 h 1161397"/>
              <a:gd name="connsiteX37" fmla="*/ 1483154 w 6884912"/>
              <a:gd name="connsiteY37" fmla="*/ 618527 h 1161397"/>
              <a:gd name="connsiteX38" fmla="*/ 1505495 w 6884912"/>
              <a:gd name="connsiteY38" fmla="*/ 624325 h 1161397"/>
              <a:gd name="connsiteX39" fmla="*/ 1526340 w 6884912"/>
              <a:gd name="connsiteY39" fmla="*/ 638496 h 1161397"/>
              <a:gd name="connsiteX40" fmla="*/ 1731986 w 6884912"/>
              <a:gd name="connsiteY40" fmla="*/ 589682 h 1161397"/>
              <a:gd name="connsiteX41" fmla="*/ 1927935 w 6884912"/>
              <a:gd name="connsiteY41" fmla="*/ 628540 h 1161397"/>
              <a:gd name="connsiteX42" fmla="*/ 2039075 w 6884912"/>
              <a:gd name="connsiteY42" fmla="*/ 599964 h 1161397"/>
              <a:gd name="connsiteX43" fmla="*/ 2066980 w 6884912"/>
              <a:gd name="connsiteY43" fmla="*/ 550413 h 1161397"/>
              <a:gd name="connsiteX44" fmla="*/ 2352236 w 6884912"/>
              <a:gd name="connsiteY44" fmla="*/ 519602 h 1161397"/>
              <a:gd name="connsiteX45" fmla="*/ 2420791 w 6884912"/>
              <a:gd name="connsiteY45" fmla="*/ 492826 h 1161397"/>
              <a:gd name="connsiteX46" fmla="*/ 2489932 w 6884912"/>
              <a:gd name="connsiteY46" fmla="*/ 507864 h 1161397"/>
              <a:gd name="connsiteX47" fmla="*/ 2512917 w 6884912"/>
              <a:gd name="connsiteY47" fmla="*/ 489127 h 1161397"/>
              <a:gd name="connsiteX48" fmla="*/ 2516783 w 6884912"/>
              <a:gd name="connsiteY48" fmla="*/ 485473 h 1161397"/>
              <a:gd name="connsiteX49" fmla="*/ 2534360 w 6884912"/>
              <a:gd name="connsiteY49" fmla="*/ 480064 h 1161397"/>
              <a:gd name="connsiteX50" fmla="*/ 2536691 w 6884912"/>
              <a:gd name="connsiteY50" fmla="*/ 467018 h 1161397"/>
              <a:gd name="connsiteX51" fmla="*/ 2561265 w 6884912"/>
              <a:gd name="connsiteY51" fmla="*/ 450623 h 1161397"/>
              <a:gd name="connsiteX52" fmla="*/ 2594349 w 6884912"/>
              <a:gd name="connsiteY52" fmla="*/ 443884 h 1161397"/>
              <a:gd name="connsiteX53" fmla="*/ 2754324 w 6884912"/>
              <a:gd name="connsiteY53" fmla="*/ 424766 h 1161397"/>
              <a:gd name="connsiteX54" fmla="*/ 2848470 w 6884912"/>
              <a:gd name="connsiteY54" fmla="*/ 405966 h 1161397"/>
              <a:gd name="connsiteX55" fmla="*/ 2881772 w 6884912"/>
              <a:gd name="connsiteY55" fmla="*/ 387260 h 1161397"/>
              <a:gd name="connsiteX56" fmla="*/ 2929932 w 6884912"/>
              <a:gd name="connsiteY56" fmla="*/ 368912 h 1161397"/>
              <a:gd name="connsiteX57" fmla="*/ 3013020 w 6884912"/>
              <a:gd name="connsiteY57" fmla="*/ 327578 h 1161397"/>
              <a:gd name="connsiteX58" fmla="*/ 3127968 w 6884912"/>
              <a:gd name="connsiteY58" fmla="*/ 287613 h 1161397"/>
              <a:gd name="connsiteX59" fmla="*/ 3222191 w 6884912"/>
              <a:gd name="connsiteY59" fmla="*/ 307887 h 1161397"/>
              <a:gd name="connsiteX60" fmla="*/ 3227953 w 6884912"/>
              <a:gd name="connsiteY60" fmla="*/ 297650 h 1161397"/>
              <a:gd name="connsiteX61" fmla="*/ 3287859 w 6884912"/>
              <a:gd name="connsiteY61" fmla="*/ 287558 h 1161397"/>
              <a:gd name="connsiteX62" fmla="*/ 3510042 w 6884912"/>
              <a:gd name="connsiteY62" fmla="*/ 311820 h 1161397"/>
              <a:gd name="connsiteX63" fmla="*/ 3626773 w 6884912"/>
              <a:gd name="connsiteY63" fmla="*/ 290452 h 1161397"/>
              <a:gd name="connsiteX64" fmla="*/ 3666217 w 6884912"/>
              <a:gd name="connsiteY64" fmla="*/ 273255 h 1161397"/>
              <a:gd name="connsiteX65" fmla="*/ 3732427 w 6884912"/>
              <a:gd name="connsiteY65" fmla="*/ 245039 h 1161397"/>
              <a:gd name="connsiteX66" fmla="*/ 3777022 w 6884912"/>
              <a:gd name="connsiteY66" fmla="*/ 200276 h 1161397"/>
              <a:gd name="connsiteX67" fmla="*/ 3791246 w 6884912"/>
              <a:gd name="connsiteY67" fmla="*/ 189996 h 1161397"/>
              <a:gd name="connsiteX68" fmla="*/ 3819864 w 6884912"/>
              <a:gd name="connsiteY68" fmla="*/ 194605 h 1161397"/>
              <a:gd name="connsiteX69" fmla="*/ 3830398 w 6884912"/>
              <a:gd name="connsiteY69" fmla="*/ 188383 h 1161397"/>
              <a:gd name="connsiteX70" fmla="*/ 3834360 w 6884912"/>
              <a:gd name="connsiteY70" fmla="*/ 188992 h 1161397"/>
              <a:gd name="connsiteX71" fmla="*/ 3843715 w 6884912"/>
              <a:gd name="connsiteY71" fmla="*/ 188752 h 1161397"/>
              <a:gd name="connsiteX72" fmla="*/ 3842609 w 6884912"/>
              <a:gd name="connsiteY72" fmla="*/ 197386 h 1161397"/>
              <a:gd name="connsiteX73" fmla="*/ 3853961 w 6884912"/>
              <a:gd name="connsiteY73" fmla="*/ 213380 h 1161397"/>
              <a:gd name="connsiteX74" fmla="*/ 3907640 w 6884912"/>
              <a:gd name="connsiteY74" fmla="*/ 207568 h 1161397"/>
              <a:gd name="connsiteX75" fmla="*/ 3910449 w 6884912"/>
              <a:gd name="connsiteY75" fmla="*/ 197808 h 1161397"/>
              <a:gd name="connsiteX76" fmla="*/ 3917197 w 6884912"/>
              <a:gd name="connsiteY76" fmla="*/ 196121 h 1161397"/>
              <a:gd name="connsiteX77" fmla="*/ 3922400 w 6884912"/>
              <a:gd name="connsiteY77" fmla="*/ 205056 h 1161397"/>
              <a:gd name="connsiteX78" fmla="*/ 4013061 w 6884912"/>
              <a:gd name="connsiteY78" fmla="*/ 224874 h 1161397"/>
              <a:gd name="connsiteX79" fmla="*/ 4134285 w 6884912"/>
              <a:gd name="connsiteY79" fmla="*/ 235592 h 1161397"/>
              <a:gd name="connsiteX80" fmla="*/ 4220717 w 6884912"/>
              <a:gd name="connsiteY80" fmla="*/ 192946 h 1161397"/>
              <a:gd name="connsiteX81" fmla="*/ 4228802 w 6884912"/>
              <a:gd name="connsiteY81" fmla="*/ 201468 h 1161397"/>
              <a:gd name="connsiteX82" fmla="*/ 4289361 w 6884912"/>
              <a:gd name="connsiteY82" fmla="*/ 196642 h 1161397"/>
              <a:gd name="connsiteX83" fmla="*/ 4498913 w 6884912"/>
              <a:gd name="connsiteY83" fmla="*/ 118915 h 1161397"/>
              <a:gd name="connsiteX84" fmla="*/ 4617330 w 6884912"/>
              <a:gd name="connsiteY84" fmla="*/ 111163 h 1161397"/>
              <a:gd name="connsiteX85" fmla="*/ 4659778 w 6884912"/>
              <a:gd name="connsiteY85" fmla="*/ 118219 h 1161397"/>
              <a:gd name="connsiteX86" fmla="*/ 4730870 w 6884912"/>
              <a:gd name="connsiteY86" fmla="*/ 129432 h 1161397"/>
              <a:gd name="connsiteX87" fmla="*/ 4785037 w 6884912"/>
              <a:gd name="connsiteY87" fmla="*/ 161964 h 1161397"/>
              <a:gd name="connsiteX88" fmla="*/ 4844073 w 6884912"/>
              <a:gd name="connsiteY88" fmla="*/ 161768 h 1161397"/>
              <a:gd name="connsiteX89" fmla="*/ 4856454 w 6884912"/>
              <a:gd name="connsiteY89" fmla="*/ 130488 h 1161397"/>
              <a:gd name="connsiteX90" fmla="*/ 4920038 w 6884912"/>
              <a:gd name="connsiteY90" fmla="*/ 140418 h 1161397"/>
              <a:gd name="connsiteX91" fmla="*/ 5016639 w 6884912"/>
              <a:gd name="connsiteY91" fmla="*/ 158905 h 1161397"/>
              <a:gd name="connsiteX92" fmla="*/ 5072009 w 6884912"/>
              <a:gd name="connsiteY92" fmla="*/ 161502 h 1161397"/>
              <a:gd name="connsiteX93" fmla="*/ 5223626 w 6884912"/>
              <a:gd name="connsiteY93" fmla="*/ 177356 h 1161397"/>
              <a:gd name="connsiteX94" fmla="*/ 5375773 w 6884912"/>
              <a:gd name="connsiteY94" fmla="*/ 199913 h 1161397"/>
              <a:gd name="connsiteX95" fmla="*/ 5467502 w 6884912"/>
              <a:gd name="connsiteY95" fmla="*/ 250963 h 1161397"/>
              <a:gd name="connsiteX96" fmla="*/ 5592395 w 6884912"/>
              <a:gd name="connsiteY96" fmla="*/ 265434 h 1161397"/>
              <a:gd name="connsiteX97" fmla="*/ 5613532 w 6884912"/>
              <a:gd name="connsiteY97" fmla="*/ 273379 h 1161397"/>
              <a:gd name="connsiteX98" fmla="*/ 5642173 w 6884912"/>
              <a:gd name="connsiteY98" fmla="*/ 266904 h 1161397"/>
              <a:gd name="connsiteX99" fmla="*/ 5756910 w 6884912"/>
              <a:gd name="connsiteY99" fmla="*/ 239211 h 1161397"/>
              <a:gd name="connsiteX100" fmla="*/ 5846667 w 6884912"/>
              <a:gd name="connsiteY100" fmla="*/ 201786 h 1161397"/>
              <a:gd name="connsiteX101" fmla="*/ 5960732 w 6884912"/>
              <a:gd name="connsiteY101" fmla="*/ 220708 h 1161397"/>
              <a:gd name="connsiteX102" fmla="*/ 6029542 w 6884912"/>
              <a:gd name="connsiteY102" fmla="*/ 210339 h 1161397"/>
              <a:gd name="connsiteX103" fmla="*/ 6141123 w 6884912"/>
              <a:gd name="connsiteY103" fmla="*/ 159923 h 1161397"/>
              <a:gd name="connsiteX104" fmla="*/ 6290640 w 6884912"/>
              <a:gd name="connsiteY104" fmla="*/ 167441 h 1161397"/>
              <a:gd name="connsiteX105" fmla="*/ 6322806 w 6884912"/>
              <a:gd name="connsiteY105" fmla="*/ 213293 h 1161397"/>
              <a:gd name="connsiteX106" fmla="*/ 6364914 w 6884912"/>
              <a:gd name="connsiteY106" fmla="*/ 240140 h 1161397"/>
              <a:gd name="connsiteX107" fmla="*/ 6380420 w 6884912"/>
              <a:gd name="connsiteY107" fmla="*/ 173195 h 1161397"/>
              <a:gd name="connsiteX108" fmla="*/ 6507891 w 6884912"/>
              <a:gd name="connsiteY108" fmla="*/ 118474 h 1161397"/>
              <a:gd name="connsiteX109" fmla="*/ 6571807 w 6884912"/>
              <a:gd name="connsiteY109" fmla="*/ 98636 h 1161397"/>
              <a:gd name="connsiteX110" fmla="*/ 6671880 w 6884912"/>
              <a:gd name="connsiteY110" fmla="*/ 82931 h 1161397"/>
              <a:gd name="connsiteX111" fmla="*/ 6702266 w 6884912"/>
              <a:gd name="connsiteY111" fmla="*/ 75470 h 1161397"/>
              <a:gd name="connsiteX112" fmla="*/ 6845802 w 6884912"/>
              <a:gd name="connsiteY112" fmla="*/ 24496 h 11613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Lst>
            <a:rect l="l" t="t" r="r" b="b"/>
            <a:pathLst>
              <a:path w="6884912" h="1161397">
                <a:moveTo>
                  <a:pt x="6884912" y="0"/>
                </a:moveTo>
                <a:lnTo>
                  <a:pt x="6884912" y="1161397"/>
                </a:lnTo>
                <a:lnTo>
                  <a:pt x="0" y="1161397"/>
                </a:lnTo>
                <a:lnTo>
                  <a:pt x="27135" y="1147460"/>
                </a:lnTo>
                <a:cubicBezTo>
                  <a:pt x="57431" y="1167048"/>
                  <a:pt x="61886" y="1135904"/>
                  <a:pt x="115388" y="1159043"/>
                </a:cubicBezTo>
                <a:cubicBezTo>
                  <a:pt x="116121" y="1155340"/>
                  <a:pt x="117370" y="1151777"/>
                  <a:pt x="119094" y="1148463"/>
                </a:cubicBezTo>
                <a:cubicBezTo>
                  <a:pt x="129121" y="1129214"/>
                  <a:pt x="152727" y="1122391"/>
                  <a:pt x="171824" y="1133224"/>
                </a:cubicBezTo>
                <a:cubicBezTo>
                  <a:pt x="254344" y="1161369"/>
                  <a:pt x="315458" y="1143220"/>
                  <a:pt x="376455" y="1137381"/>
                </a:cubicBezTo>
                <a:cubicBezTo>
                  <a:pt x="443775" y="1125614"/>
                  <a:pt x="382885" y="1083927"/>
                  <a:pt x="478946" y="1106011"/>
                </a:cubicBezTo>
                <a:cubicBezTo>
                  <a:pt x="481662" y="1085172"/>
                  <a:pt x="491731" y="1081489"/>
                  <a:pt x="512111" y="1085599"/>
                </a:cubicBezTo>
                <a:cubicBezTo>
                  <a:pt x="544368" y="1078502"/>
                  <a:pt x="526559" y="1032754"/>
                  <a:pt x="567875" y="1051976"/>
                </a:cubicBezTo>
                <a:cubicBezTo>
                  <a:pt x="553871" y="1028602"/>
                  <a:pt x="624901" y="1025930"/>
                  <a:pt x="601644" y="1003997"/>
                </a:cubicBezTo>
                <a:cubicBezTo>
                  <a:pt x="614803" y="975652"/>
                  <a:pt x="637415" y="1010272"/>
                  <a:pt x="651408" y="984938"/>
                </a:cubicBezTo>
                <a:cubicBezTo>
                  <a:pt x="673042" y="974024"/>
                  <a:pt x="646948" y="1015207"/>
                  <a:pt x="673197" y="1010060"/>
                </a:cubicBezTo>
                <a:cubicBezTo>
                  <a:pt x="703527" y="999318"/>
                  <a:pt x="718626" y="1045053"/>
                  <a:pt x="723108" y="980081"/>
                </a:cubicBezTo>
                <a:cubicBezTo>
                  <a:pt x="760262" y="985126"/>
                  <a:pt x="757827" y="957145"/>
                  <a:pt x="797699" y="931362"/>
                </a:cubicBezTo>
                <a:cubicBezTo>
                  <a:pt x="821097" y="940623"/>
                  <a:pt x="833565" y="929189"/>
                  <a:pt x="843359" y="910894"/>
                </a:cubicBezTo>
                <a:cubicBezTo>
                  <a:pt x="887668" y="902160"/>
                  <a:pt x="919738" y="869376"/>
                  <a:pt x="965215" y="846701"/>
                </a:cubicBezTo>
                <a:cubicBezTo>
                  <a:pt x="1023081" y="848019"/>
                  <a:pt x="1036422" y="800154"/>
                  <a:pt x="1085080" y="776086"/>
                </a:cubicBezTo>
                <a:cubicBezTo>
                  <a:pt x="1140763" y="795544"/>
                  <a:pt x="1110309" y="730471"/>
                  <a:pt x="1131224" y="706160"/>
                </a:cubicBezTo>
                <a:lnTo>
                  <a:pt x="1138051" y="702034"/>
                </a:lnTo>
                <a:lnTo>
                  <a:pt x="1158800" y="700004"/>
                </a:lnTo>
                <a:lnTo>
                  <a:pt x="1166947" y="700762"/>
                </a:lnTo>
                <a:cubicBezTo>
                  <a:pt x="1172432" y="700717"/>
                  <a:pt x="1175913" y="699961"/>
                  <a:pt x="1178135" y="698631"/>
                </a:cubicBezTo>
                <a:lnTo>
                  <a:pt x="1178301" y="698094"/>
                </a:lnTo>
                <a:lnTo>
                  <a:pt x="1188995" y="697048"/>
                </a:lnTo>
                <a:cubicBezTo>
                  <a:pt x="1207294" y="696390"/>
                  <a:pt x="1225337" y="696802"/>
                  <a:pt x="1242716" y="698052"/>
                </a:cubicBezTo>
                <a:cubicBezTo>
                  <a:pt x="1250387" y="668345"/>
                  <a:pt x="1318259" y="689091"/>
                  <a:pt x="1299977" y="639196"/>
                </a:cubicBezTo>
                <a:cubicBezTo>
                  <a:pt x="1323072" y="639367"/>
                  <a:pt x="1341279" y="658105"/>
                  <a:pt x="1326190" y="625955"/>
                </a:cubicBezTo>
                <a:cubicBezTo>
                  <a:pt x="1333572" y="625050"/>
                  <a:pt x="1337406" y="621362"/>
                  <a:pt x="1339600" y="616295"/>
                </a:cubicBezTo>
                <a:lnTo>
                  <a:pt x="1340054" y="614022"/>
                </a:lnTo>
                <a:lnTo>
                  <a:pt x="1391606" y="615229"/>
                </a:lnTo>
                <a:lnTo>
                  <a:pt x="1397565" y="611490"/>
                </a:lnTo>
                <a:lnTo>
                  <a:pt x="1432302" y="617267"/>
                </a:lnTo>
                <a:lnTo>
                  <a:pt x="1449644" y="617591"/>
                </a:lnTo>
                <a:lnTo>
                  <a:pt x="1455793" y="623174"/>
                </a:lnTo>
                <a:cubicBezTo>
                  <a:pt x="1461744" y="626151"/>
                  <a:pt x="1469373" y="626493"/>
                  <a:pt x="1480758" y="620863"/>
                </a:cubicBezTo>
                <a:lnTo>
                  <a:pt x="1483154" y="618527"/>
                </a:lnTo>
                <a:lnTo>
                  <a:pt x="1505495" y="624325"/>
                </a:lnTo>
                <a:cubicBezTo>
                  <a:pt x="1512992" y="627532"/>
                  <a:pt x="1520025" y="632078"/>
                  <a:pt x="1526340" y="638496"/>
                </a:cubicBezTo>
                <a:cubicBezTo>
                  <a:pt x="1586113" y="586768"/>
                  <a:pt x="1659006" y="610309"/>
                  <a:pt x="1731986" y="589682"/>
                </a:cubicBezTo>
                <a:cubicBezTo>
                  <a:pt x="1750397" y="523106"/>
                  <a:pt x="1896056" y="573257"/>
                  <a:pt x="1927935" y="628540"/>
                </a:cubicBezTo>
                <a:cubicBezTo>
                  <a:pt x="1912854" y="559823"/>
                  <a:pt x="2112261" y="676347"/>
                  <a:pt x="2039075" y="599964"/>
                </a:cubicBezTo>
                <a:cubicBezTo>
                  <a:pt x="2066036" y="601198"/>
                  <a:pt x="2086366" y="569532"/>
                  <a:pt x="2066980" y="550413"/>
                </a:cubicBezTo>
                <a:cubicBezTo>
                  <a:pt x="2155364" y="582582"/>
                  <a:pt x="2259548" y="514786"/>
                  <a:pt x="2352236" y="519602"/>
                </a:cubicBezTo>
                <a:cubicBezTo>
                  <a:pt x="2388450" y="459394"/>
                  <a:pt x="2373298" y="511682"/>
                  <a:pt x="2420791" y="492826"/>
                </a:cubicBezTo>
                <a:cubicBezTo>
                  <a:pt x="2417962" y="542563"/>
                  <a:pt x="2475071" y="455098"/>
                  <a:pt x="2489932" y="507864"/>
                </a:cubicBezTo>
                <a:cubicBezTo>
                  <a:pt x="2498105" y="502761"/>
                  <a:pt x="2505553" y="496153"/>
                  <a:pt x="2512917" y="489127"/>
                </a:cubicBezTo>
                <a:lnTo>
                  <a:pt x="2516783" y="485473"/>
                </a:lnTo>
                <a:lnTo>
                  <a:pt x="2534360" y="480064"/>
                </a:lnTo>
                <a:lnTo>
                  <a:pt x="2536691" y="467018"/>
                </a:lnTo>
                <a:lnTo>
                  <a:pt x="2561265" y="450623"/>
                </a:lnTo>
                <a:cubicBezTo>
                  <a:pt x="2570872" y="446262"/>
                  <a:pt x="2581686" y="443655"/>
                  <a:pt x="2594349" y="443884"/>
                </a:cubicBezTo>
                <a:cubicBezTo>
                  <a:pt x="2640435" y="464638"/>
                  <a:pt x="2696955" y="396361"/>
                  <a:pt x="2754324" y="424766"/>
                </a:cubicBezTo>
                <a:cubicBezTo>
                  <a:pt x="2775130" y="430896"/>
                  <a:pt x="2837731" y="423458"/>
                  <a:pt x="2848470" y="405966"/>
                </a:cubicBezTo>
                <a:cubicBezTo>
                  <a:pt x="2861295" y="401100"/>
                  <a:pt x="2876936" y="405309"/>
                  <a:pt x="2881772" y="387260"/>
                </a:cubicBezTo>
                <a:cubicBezTo>
                  <a:pt x="2890299" y="365261"/>
                  <a:pt x="2938134" y="392997"/>
                  <a:pt x="2929932" y="368912"/>
                </a:cubicBezTo>
                <a:cubicBezTo>
                  <a:pt x="2963844" y="387799"/>
                  <a:pt x="2986550" y="341223"/>
                  <a:pt x="3013020" y="327578"/>
                </a:cubicBezTo>
                <a:cubicBezTo>
                  <a:pt x="3040041" y="346996"/>
                  <a:pt x="3068934" y="299222"/>
                  <a:pt x="3127968" y="287613"/>
                </a:cubicBezTo>
                <a:cubicBezTo>
                  <a:pt x="3157770" y="310215"/>
                  <a:pt x="3167695" y="279445"/>
                  <a:pt x="3222191" y="307887"/>
                </a:cubicBezTo>
                <a:cubicBezTo>
                  <a:pt x="3223593" y="304249"/>
                  <a:pt x="3225533" y="300801"/>
                  <a:pt x="3227953" y="297650"/>
                </a:cubicBezTo>
                <a:cubicBezTo>
                  <a:pt x="3242008" y="279345"/>
                  <a:pt x="3268831" y="274825"/>
                  <a:pt x="3287859" y="287558"/>
                </a:cubicBezTo>
                <a:cubicBezTo>
                  <a:pt x="3373144" y="323866"/>
                  <a:pt x="3442657" y="311681"/>
                  <a:pt x="3510042" y="311820"/>
                </a:cubicBezTo>
                <a:cubicBezTo>
                  <a:pt x="3585274" y="306641"/>
                  <a:pt x="3525753" y="258887"/>
                  <a:pt x="3626773" y="290452"/>
                </a:cubicBezTo>
                <a:cubicBezTo>
                  <a:pt x="3633124" y="269835"/>
                  <a:pt x="3644693" y="267134"/>
                  <a:pt x="3666217" y="273255"/>
                </a:cubicBezTo>
                <a:cubicBezTo>
                  <a:pt x="3702502" y="269310"/>
                  <a:pt x="3690563" y="221720"/>
                  <a:pt x="3732427" y="245039"/>
                </a:cubicBezTo>
                <a:cubicBezTo>
                  <a:pt x="3720985" y="220241"/>
                  <a:pt x="3798776" y="224539"/>
                  <a:pt x="3777022" y="200276"/>
                </a:cubicBezTo>
                <a:cubicBezTo>
                  <a:pt x="3781759" y="193499"/>
                  <a:pt x="3786499" y="190723"/>
                  <a:pt x="3791246" y="189996"/>
                </a:cubicBezTo>
                <a:cubicBezTo>
                  <a:pt x="3800740" y="188542"/>
                  <a:pt x="3810265" y="195284"/>
                  <a:pt x="3819864" y="194605"/>
                </a:cubicBezTo>
                <a:lnTo>
                  <a:pt x="3830398" y="188383"/>
                </a:lnTo>
                <a:lnTo>
                  <a:pt x="3834360" y="188992"/>
                </a:lnTo>
                <a:lnTo>
                  <a:pt x="3843715" y="188752"/>
                </a:lnTo>
                <a:lnTo>
                  <a:pt x="3842609" y="197386"/>
                </a:lnTo>
                <a:cubicBezTo>
                  <a:pt x="3840673" y="205638"/>
                  <a:pt x="3839248" y="214671"/>
                  <a:pt x="3853961" y="213380"/>
                </a:cubicBezTo>
                <a:cubicBezTo>
                  <a:pt x="3884396" y="206569"/>
                  <a:pt x="3895082" y="241941"/>
                  <a:pt x="3907640" y="207568"/>
                </a:cubicBezTo>
                <a:lnTo>
                  <a:pt x="3910449" y="197808"/>
                </a:lnTo>
                <a:lnTo>
                  <a:pt x="3917197" y="196121"/>
                </a:lnTo>
                <a:cubicBezTo>
                  <a:pt x="3920833" y="196372"/>
                  <a:pt x="3922919" y="198717"/>
                  <a:pt x="3922400" y="205056"/>
                </a:cubicBezTo>
                <a:cubicBezTo>
                  <a:pt x="3950680" y="178467"/>
                  <a:pt x="3984062" y="218098"/>
                  <a:pt x="4013061" y="224874"/>
                </a:cubicBezTo>
                <a:cubicBezTo>
                  <a:pt x="4034530" y="199451"/>
                  <a:pt x="4074202" y="238734"/>
                  <a:pt x="4134285" y="235592"/>
                </a:cubicBezTo>
                <a:cubicBezTo>
                  <a:pt x="4157674" y="206403"/>
                  <a:pt x="4174806" y="233822"/>
                  <a:pt x="4220717" y="192946"/>
                </a:cubicBezTo>
                <a:cubicBezTo>
                  <a:pt x="4222964" y="196132"/>
                  <a:pt x="4225687" y="199002"/>
                  <a:pt x="4228802" y="201468"/>
                </a:cubicBezTo>
                <a:cubicBezTo>
                  <a:pt x="4246898" y="215792"/>
                  <a:pt x="4274013" y="213632"/>
                  <a:pt x="4289361" y="196642"/>
                </a:cubicBezTo>
                <a:cubicBezTo>
                  <a:pt x="4363212" y="140627"/>
                  <a:pt x="4433598" y="135488"/>
                  <a:pt x="4498913" y="118915"/>
                </a:cubicBezTo>
                <a:cubicBezTo>
                  <a:pt x="4573135" y="105586"/>
                  <a:pt x="4527062" y="166416"/>
                  <a:pt x="4617330" y="111163"/>
                </a:cubicBezTo>
                <a:cubicBezTo>
                  <a:pt x="4628518" y="129608"/>
                  <a:pt x="4640397" y="129405"/>
                  <a:pt x="4659778" y="118219"/>
                </a:cubicBezTo>
                <a:cubicBezTo>
                  <a:pt x="4695929" y="113193"/>
                  <a:pt x="4695958" y="162259"/>
                  <a:pt x="4730870" y="129432"/>
                </a:cubicBezTo>
                <a:cubicBezTo>
                  <a:pt x="4725822" y="156271"/>
                  <a:pt x="4800214" y="133127"/>
                  <a:pt x="4785037" y="161964"/>
                </a:cubicBezTo>
                <a:cubicBezTo>
                  <a:pt x="4810025" y="183633"/>
                  <a:pt x="4819434" y="143205"/>
                  <a:pt x="4844073" y="161768"/>
                </a:cubicBezTo>
                <a:cubicBezTo>
                  <a:pt x="4870797" y="164132"/>
                  <a:pt x="4827288" y="135164"/>
                  <a:pt x="4856454" y="130488"/>
                </a:cubicBezTo>
                <a:cubicBezTo>
                  <a:pt x="4892086" y="129553"/>
                  <a:pt x="4889263" y="81477"/>
                  <a:pt x="4920038" y="140418"/>
                </a:cubicBezTo>
                <a:cubicBezTo>
                  <a:pt x="4956358" y="122308"/>
                  <a:pt x="4965108" y="149263"/>
                  <a:pt x="5016639" y="158905"/>
                </a:cubicBezTo>
                <a:cubicBezTo>
                  <a:pt x="5037063" y="141828"/>
                  <a:pt x="5054534" y="147986"/>
                  <a:pt x="5072009" y="161502"/>
                </a:cubicBezTo>
                <a:cubicBezTo>
                  <a:pt x="5121260" y="153653"/>
                  <a:pt x="5167555" y="172635"/>
                  <a:pt x="5223626" y="177356"/>
                </a:cubicBezTo>
                <a:cubicBezTo>
                  <a:pt x="5282824" y="155243"/>
                  <a:pt x="5315859" y="195041"/>
                  <a:pt x="5375773" y="199913"/>
                </a:cubicBezTo>
                <a:cubicBezTo>
                  <a:pt x="5432511" y="156218"/>
                  <a:pt x="5417550" y="256036"/>
                  <a:pt x="5467502" y="250963"/>
                </a:cubicBezTo>
                <a:cubicBezTo>
                  <a:pt x="5547124" y="209975"/>
                  <a:pt x="5467171" y="283839"/>
                  <a:pt x="5592395" y="265434"/>
                </a:cubicBezTo>
                <a:cubicBezTo>
                  <a:pt x="5599201" y="258867"/>
                  <a:pt x="5614752" y="264706"/>
                  <a:pt x="5613532" y="273379"/>
                </a:cubicBezTo>
                <a:cubicBezTo>
                  <a:pt x="5621390" y="270408"/>
                  <a:pt x="5639720" y="253173"/>
                  <a:pt x="5642173" y="266904"/>
                </a:cubicBezTo>
                <a:cubicBezTo>
                  <a:pt x="5682296" y="267049"/>
                  <a:pt x="5721812" y="257513"/>
                  <a:pt x="5756910" y="239211"/>
                </a:cubicBezTo>
                <a:cubicBezTo>
                  <a:pt x="5834998" y="260050"/>
                  <a:pt x="5790596" y="197229"/>
                  <a:pt x="5846667" y="201786"/>
                </a:cubicBezTo>
                <a:cubicBezTo>
                  <a:pt x="5892444" y="227312"/>
                  <a:pt x="5908324" y="204527"/>
                  <a:pt x="5960732" y="220708"/>
                </a:cubicBezTo>
                <a:cubicBezTo>
                  <a:pt x="5977124" y="175349"/>
                  <a:pt x="6009640" y="223654"/>
                  <a:pt x="6029542" y="210339"/>
                </a:cubicBezTo>
                <a:cubicBezTo>
                  <a:pt x="6063108" y="261420"/>
                  <a:pt x="6107411" y="160034"/>
                  <a:pt x="6141123" y="159923"/>
                </a:cubicBezTo>
                <a:cubicBezTo>
                  <a:pt x="6198068" y="167749"/>
                  <a:pt x="6260628" y="219715"/>
                  <a:pt x="6290640" y="167441"/>
                </a:cubicBezTo>
                <a:cubicBezTo>
                  <a:pt x="6295193" y="188689"/>
                  <a:pt x="6290494" y="217816"/>
                  <a:pt x="6322806" y="213293"/>
                </a:cubicBezTo>
                <a:cubicBezTo>
                  <a:pt x="6335911" y="223881"/>
                  <a:pt x="6338726" y="256581"/>
                  <a:pt x="6364914" y="240140"/>
                </a:cubicBezTo>
                <a:cubicBezTo>
                  <a:pt x="6331888" y="211628"/>
                  <a:pt x="6385856" y="207033"/>
                  <a:pt x="6380420" y="173195"/>
                </a:cubicBezTo>
                <a:cubicBezTo>
                  <a:pt x="6420580" y="151473"/>
                  <a:pt x="6513519" y="179296"/>
                  <a:pt x="6507891" y="118474"/>
                </a:cubicBezTo>
                <a:cubicBezTo>
                  <a:pt x="6519398" y="82452"/>
                  <a:pt x="6571830" y="137398"/>
                  <a:pt x="6571807" y="98636"/>
                </a:cubicBezTo>
                <a:cubicBezTo>
                  <a:pt x="6594702" y="123421"/>
                  <a:pt x="6634676" y="82071"/>
                  <a:pt x="6671880" y="82931"/>
                </a:cubicBezTo>
                <a:cubicBezTo>
                  <a:pt x="6678855" y="65407"/>
                  <a:pt x="6687415" y="66196"/>
                  <a:pt x="6702266" y="75470"/>
                </a:cubicBezTo>
                <a:cubicBezTo>
                  <a:pt x="6747004" y="78450"/>
                  <a:pt x="6798307" y="53072"/>
                  <a:pt x="6845802" y="24496"/>
                </a:cubicBezTo>
                <a:close/>
              </a:path>
            </a:pathLst>
          </a:custGeom>
          <a:solidFill>
            <a:srgbClr val="82766A">
              <a:alpha val="15000"/>
            </a:srgbClr>
          </a:solid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Holder 2">
            <a:extLst>
              <a:ext uri="{FF2B5EF4-FFF2-40B4-BE49-F238E27FC236}">
                <a16:creationId xmlns:a16="http://schemas.microsoft.com/office/drawing/2014/main" id="{CB594741-B81C-CECD-519C-16A2B29789F4}"/>
              </a:ext>
            </a:extLst>
          </p:cNvPr>
          <p:cNvSpPr txBox="1">
            <a:spLocks/>
          </p:cNvSpPr>
          <p:nvPr/>
        </p:nvSpPr>
        <p:spPr>
          <a:xfrm>
            <a:off x="0" y="6598530"/>
            <a:ext cx="12188824" cy="258578"/>
          </a:xfrm>
          <a:prstGeom prst="rect">
            <a:avLst/>
          </a:prstGeom>
        </p:spPr>
        <p:txBody>
          <a:bodyPr lIns="0" tIns="0" rIns="0" bIns="0"/>
          <a:lstStyle>
            <a:defPPr>
              <a:defRPr lang="fr-FR"/>
            </a:defPPr>
            <a:lvl1pPr marL="0" algn="ctr" defTabSz="914400" rtl="0" eaLnBrk="1" latinLnBrk="0" hangingPunct="1">
              <a:defRPr sz="849" b="0" i="0" kern="1200">
                <a:solidFill>
                  <a:schemeClr val="tx1">
                    <a:lumMod val="75000"/>
                  </a:schemeClr>
                </a:solidFill>
                <a:latin typeface="Open Sans Light" panose="020B0306030504020204" pitchFamily="34" charset="0"/>
                <a:ea typeface="Open Sans Light" panose="020B0306030504020204" pitchFamily="34" charset="0"/>
                <a:cs typeface="Open Sans Light" panose="020B0306030504020204" pitchFamily="34" charset="0"/>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ts val="1173"/>
              </a:lnSpc>
              <a:spcBef>
                <a:spcPts val="127"/>
              </a:spcBef>
              <a:spcAft>
                <a:spcPts val="0"/>
              </a:spcAft>
              <a:buClrTx/>
              <a:buSzTx/>
              <a:buFontTx/>
              <a:buNone/>
              <a:tabLst/>
              <a:defRPr/>
            </a:pPr>
            <a:r>
              <a:rPr kumimoji="0" lang="fr-FR" sz="849" b="0" i="0" u="none" strike="noStrike" kern="1200" cap="none" spc="-3"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2023 APSIA</a:t>
            </a:r>
            <a:r>
              <a:rPr kumimoji="0" lang="fr-FR" sz="849" b="0" i="0" u="none" strike="noStrike" kern="1200" cap="none" spc="-6" normalizeH="0" baseline="0" noProof="0" dirty="0">
                <a:ln>
                  <a:noFill/>
                </a:ln>
                <a:solidFill>
                  <a:srgbClr val="1F4A6F"/>
                </a:solidFill>
                <a:effectLst/>
                <a:uLnTx/>
                <a:uFillTx/>
                <a:latin typeface="+mj-lt"/>
                <a:ea typeface="Open Sans Light" panose="020B0306030504020204" pitchFamily="34" charset="0"/>
                <a:cs typeface="Open Sans Light" panose="020B0306030504020204" pitchFamily="34" charset="0"/>
              </a:rPr>
              <a:t>– Tous droits réservés</a:t>
            </a:r>
          </a:p>
        </p:txBody>
      </p:sp>
      <p:pic>
        <p:nvPicPr>
          <p:cNvPr id="3" name="Picture 2" descr="Apsia, expert en transformation digitale et de projets Cloud ERP, CRM, Data">
            <a:extLst>
              <a:ext uri="{FF2B5EF4-FFF2-40B4-BE49-F238E27FC236}">
                <a16:creationId xmlns:a16="http://schemas.microsoft.com/office/drawing/2014/main" id="{4ED9CD71-7F83-179F-CB18-88D261C16BC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6073" y="6487712"/>
            <a:ext cx="609389" cy="233599"/>
          </a:xfrm>
          <a:prstGeom prst="rect">
            <a:avLst/>
          </a:prstGeom>
          <a:noFill/>
          <a:extLst>
            <a:ext uri="{909E8E84-426E-40DD-AFC4-6F175D3DCCD1}">
              <a14:hiddenFill xmlns:a14="http://schemas.microsoft.com/office/drawing/2010/main">
                <a:solidFill>
                  <a:srgbClr val="FFFFFF"/>
                </a:solidFill>
              </a14:hiddenFill>
            </a:ext>
          </a:extLst>
        </p:spPr>
      </p:pic>
      <p:sp>
        <p:nvSpPr>
          <p:cNvPr id="5" name="Oval 4">
            <a:extLst>
              <a:ext uri="{FF2B5EF4-FFF2-40B4-BE49-F238E27FC236}">
                <a16:creationId xmlns:a16="http://schemas.microsoft.com/office/drawing/2014/main" id="{6C1448F1-8261-0F9F-BF9C-27C5B06E6D0A}"/>
              </a:ext>
            </a:extLst>
          </p:cNvPr>
          <p:cNvSpPr/>
          <p:nvPr/>
        </p:nvSpPr>
        <p:spPr>
          <a:xfrm>
            <a:off x="10961090"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Oval 5">
            <a:extLst>
              <a:ext uri="{FF2B5EF4-FFF2-40B4-BE49-F238E27FC236}">
                <a16:creationId xmlns:a16="http://schemas.microsoft.com/office/drawing/2014/main" id="{07874BF4-74CD-16E6-A883-02A02F834AEB}"/>
              </a:ext>
            </a:extLst>
          </p:cNvPr>
          <p:cNvSpPr/>
          <p:nvPr/>
        </p:nvSpPr>
        <p:spPr>
          <a:xfrm>
            <a:off x="11318141"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Oval 7">
            <a:extLst>
              <a:ext uri="{FF2B5EF4-FFF2-40B4-BE49-F238E27FC236}">
                <a16:creationId xmlns:a16="http://schemas.microsoft.com/office/drawing/2014/main" id="{D33245E0-8619-0A64-45F2-5C4D1EDD7FCF}"/>
              </a:ext>
            </a:extLst>
          </p:cNvPr>
          <p:cNvSpPr/>
          <p:nvPr/>
        </p:nvSpPr>
        <p:spPr>
          <a:xfrm>
            <a:off x="11675192" y="259930"/>
            <a:ext cx="144000" cy="144000"/>
          </a:xfrm>
          <a:prstGeom prst="ellipse">
            <a:avLst/>
          </a:prstGeom>
          <a:solidFill>
            <a:srgbClr val="FF5C35"/>
          </a:solidFill>
          <a:ln>
            <a:solidFill>
              <a:srgbClr val="FF5C3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Connettore 10">
            <a:extLst>
              <a:ext uri="{FF2B5EF4-FFF2-40B4-BE49-F238E27FC236}">
                <a16:creationId xmlns:a16="http://schemas.microsoft.com/office/drawing/2014/main" id="{8DC6C154-7E2F-92AA-6F4B-A92C0F66B7F3}"/>
              </a:ext>
            </a:extLst>
          </p:cNvPr>
          <p:cNvSpPr/>
          <p:nvPr/>
        </p:nvSpPr>
        <p:spPr>
          <a:xfrm>
            <a:off x="1839064" y="5897880"/>
            <a:ext cx="144000" cy="144000"/>
          </a:xfrm>
          <a:prstGeom prst="flowChartConnector">
            <a:avLst/>
          </a:prstGeom>
          <a:solidFill>
            <a:srgbClr val="0070C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2" name="CasellaDiTesto 11">
            <a:extLst>
              <a:ext uri="{FF2B5EF4-FFF2-40B4-BE49-F238E27FC236}">
                <a16:creationId xmlns:a16="http://schemas.microsoft.com/office/drawing/2014/main" id="{9D21F063-725A-049B-A49D-436D5DF95F6A}"/>
              </a:ext>
            </a:extLst>
          </p:cNvPr>
          <p:cNvSpPr txBox="1"/>
          <p:nvPr/>
        </p:nvSpPr>
        <p:spPr>
          <a:xfrm>
            <a:off x="1983064" y="5847010"/>
            <a:ext cx="2400711" cy="276999"/>
          </a:xfrm>
          <a:prstGeom prst="rect">
            <a:avLst/>
          </a:prstGeom>
          <a:noFill/>
        </p:spPr>
        <p:txBody>
          <a:bodyPr wrap="square" rtlCol="0">
            <a:spAutoFit/>
          </a:bodyPr>
          <a:lstStyle/>
          <a:p>
            <a:r>
              <a:rPr lang="it-IT" sz="1200" dirty="0"/>
              <a:t>Valori precedenti alla previsione</a:t>
            </a:r>
          </a:p>
        </p:txBody>
      </p:sp>
      <p:sp>
        <p:nvSpPr>
          <p:cNvPr id="17" name="Connettore 16">
            <a:extLst>
              <a:ext uri="{FF2B5EF4-FFF2-40B4-BE49-F238E27FC236}">
                <a16:creationId xmlns:a16="http://schemas.microsoft.com/office/drawing/2014/main" id="{344EDAD9-AE8B-4BEA-D80F-42F1485439F9}"/>
              </a:ext>
            </a:extLst>
          </p:cNvPr>
          <p:cNvSpPr/>
          <p:nvPr/>
        </p:nvSpPr>
        <p:spPr>
          <a:xfrm>
            <a:off x="5916919" y="5897880"/>
            <a:ext cx="144000" cy="144000"/>
          </a:xfrm>
          <a:prstGeom prst="flowChartConnector">
            <a:avLst/>
          </a:prstGeom>
          <a:solidFill>
            <a:srgbClr val="00B050"/>
          </a:solidFill>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18" name="CasellaDiTesto 17">
            <a:extLst>
              <a:ext uri="{FF2B5EF4-FFF2-40B4-BE49-F238E27FC236}">
                <a16:creationId xmlns:a16="http://schemas.microsoft.com/office/drawing/2014/main" id="{4A6C326D-0DA4-268E-AB25-012B15BA147A}"/>
              </a:ext>
            </a:extLst>
          </p:cNvPr>
          <p:cNvSpPr txBox="1"/>
          <p:nvPr/>
        </p:nvSpPr>
        <p:spPr>
          <a:xfrm>
            <a:off x="6060919" y="5847010"/>
            <a:ext cx="2096655" cy="276999"/>
          </a:xfrm>
          <a:prstGeom prst="rect">
            <a:avLst/>
          </a:prstGeom>
          <a:noFill/>
        </p:spPr>
        <p:txBody>
          <a:bodyPr wrap="square" rtlCol="0">
            <a:spAutoFit/>
          </a:bodyPr>
          <a:lstStyle/>
          <a:p>
            <a:r>
              <a:rPr lang="it-IT" sz="1200" dirty="0"/>
              <a:t>Valori effettivi</a:t>
            </a:r>
          </a:p>
        </p:txBody>
      </p:sp>
      <p:sp>
        <p:nvSpPr>
          <p:cNvPr id="19" name="Connettore 18">
            <a:extLst>
              <a:ext uri="{FF2B5EF4-FFF2-40B4-BE49-F238E27FC236}">
                <a16:creationId xmlns:a16="http://schemas.microsoft.com/office/drawing/2014/main" id="{36CF08E7-6BC5-CA4A-654D-F5639D436F13}"/>
              </a:ext>
            </a:extLst>
          </p:cNvPr>
          <p:cNvSpPr/>
          <p:nvPr/>
        </p:nvSpPr>
        <p:spPr>
          <a:xfrm>
            <a:off x="9025746" y="5878503"/>
            <a:ext cx="144000" cy="144000"/>
          </a:xfrm>
          <a:prstGeom prst="flowChartConnector">
            <a:avLst/>
          </a:prstGeom>
        </p:spPr>
        <p:style>
          <a:lnRef idx="2">
            <a:schemeClr val="accent2">
              <a:shade val="15000"/>
            </a:schemeClr>
          </a:lnRef>
          <a:fillRef idx="1">
            <a:schemeClr val="accent2"/>
          </a:fillRef>
          <a:effectRef idx="0">
            <a:schemeClr val="accent2"/>
          </a:effectRef>
          <a:fontRef idx="minor">
            <a:schemeClr val="lt1"/>
          </a:fontRef>
        </p:style>
        <p:txBody>
          <a:bodyPr rtlCol="0" anchor="ctr"/>
          <a:lstStyle/>
          <a:p>
            <a:pPr algn="ctr"/>
            <a:endParaRPr lang="it-IT"/>
          </a:p>
        </p:txBody>
      </p:sp>
      <p:sp>
        <p:nvSpPr>
          <p:cNvPr id="20" name="CasellaDiTesto 19">
            <a:extLst>
              <a:ext uri="{FF2B5EF4-FFF2-40B4-BE49-F238E27FC236}">
                <a16:creationId xmlns:a16="http://schemas.microsoft.com/office/drawing/2014/main" id="{CF5FD331-5B46-74D0-2F10-126177E975D7}"/>
              </a:ext>
            </a:extLst>
          </p:cNvPr>
          <p:cNvSpPr txBox="1"/>
          <p:nvPr/>
        </p:nvSpPr>
        <p:spPr>
          <a:xfrm>
            <a:off x="9169746" y="5827633"/>
            <a:ext cx="2096655" cy="276999"/>
          </a:xfrm>
          <a:prstGeom prst="rect">
            <a:avLst/>
          </a:prstGeom>
          <a:noFill/>
        </p:spPr>
        <p:txBody>
          <a:bodyPr wrap="square" rtlCol="0">
            <a:spAutoFit/>
          </a:bodyPr>
          <a:lstStyle/>
          <a:p>
            <a:r>
              <a:rPr lang="it-IT" sz="1200" dirty="0"/>
              <a:t>Valori previsti dal sistema</a:t>
            </a:r>
          </a:p>
        </p:txBody>
      </p:sp>
      <p:pic>
        <p:nvPicPr>
          <p:cNvPr id="22" name="Immagine 21" descr="Immagine che contiene Carattere, Elementi grafici, grafica, testo&#10;&#10;Descrizione generata automaticamente">
            <a:extLst>
              <a:ext uri="{FF2B5EF4-FFF2-40B4-BE49-F238E27FC236}">
                <a16:creationId xmlns:a16="http://schemas.microsoft.com/office/drawing/2014/main" id="{594753A5-9A69-1C18-5308-DB752C811881}"/>
              </a:ext>
            </a:extLst>
          </p:cNvPr>
          <p:cNvPicPr>
            <a:picLocks noChangeAspect="1"/>
          </p:cNvPicPr>
          <p:nvPr/>
        </p:nvPicPr>
        <p:blipFill>
          <a:blip r:embed="rId5"/>
          <a:stretch>
            <a:fillRect/>
          </a:stretch>
        </p:blipFill>
        <p:spPr>
          <a:xfrm>
            <a:off x="11176525" y="6487712"/>
            <a:ext cx="910464" cy="197034"/>
          </a:xfrm>
          <a:prstGeom prst="rect">
            <a:avLst/>
          </a:prstGeom>
        </p:spPr>
      </p:pic>
    </p:spTree>
    <p:extLst>
      <p:ext uri="{BB962C8B-B14F-4D97-AF65-F5344CB8AC3E}">
        <p14:creationId xmlns:p14="http://schemas.microsoft.com/office/powerpoint/2010/main" val="738152119"/>
      </p:ext>
    </p:extLst>
  </p:cSld>
  <p:clrMapOvr>
    <a:masterClrMapping/>
  </p:clrMapOvr>
  <mc:AlternateContent xmlns:mc="http://schemas.openxmlformats.org/markup-compatibility/2006" xmlns:p159="http://schemas.microsoft.com/office/powerpoint/2015/09/main">
    <mc:Choice Requires="p159">
      <p:transition>
        <p159:morph option="byObject"/>
      </p:transition>
    </mc:Choice>
    <mc:Fallback xmlns="">
      <p:transition>
        <p:fade/>
      </p:transition>
    </mc:Fallback>
  </mc:AlternateContent>
</p:sld>
</file>

<file path=ppt/theme/theme1.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ersonalizzato 2">
      <a:majorFont>
        <a:latin typeface="Brown"/>
        <a:ea typeface=""/>
        <a:cs typeface=""/>
      </a:majorFont>
      <a:minorFont>
        <a:latin typeface="Brown"/>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Tema di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SharedWithUsers xmlns="d92fa0a3-579d-4669-9050-662a871efb14">
      <UserInfo>
        <DisplayName>Olivier Massonnat</DisplayName>
        <AccountId>10</AccountId>
        <AccountType/>
      </UserInfo>
      <UserInfo>
        <DisplayName>Alban Giron</DisplayName>
        <AccountId>75</AccountId>
        <AccountType/>
      </UserInfo>
      <UserInfo>
        <DisplayName>Frédéric Prince</DisplayName>
        <AccountId>83</AccountId>
        <AccountType/>
      </UserInfo>
      <UserInfo>
        <DisplayName>Loïg Jouault</DisplayName>
        <AccountId>25</AccountId>
        <AccountType/>
      </UserInfo>
      <UserInfo>
        <DisplayName>Corentin  Sardo</DisplayName>
        <AccountId>88</AccountId>
        <AccountType/>
      </UserInfo>
      <UserInfo>
        <DisplayName>Fabien Tricot-Censier</DisplayName>
        <AccountId>89</AccountId>
        <AccountType/>
      </UserInfo>
    </SharedWithUsers>
    <TaxCatchAll xmlns="d92fa0a3-579d-4669-9050-662a871efb14" xsi:nil="true"/>
    <lcf76f155ced4ddcb4097134ff3c332f xmlns="c7a6db3a-ac31-40a8-aa6a-77488049eab0">
      <Terms xmlns="http://schemas.microsoft.com/office/infopath/2007/PartnerControls"/>
    </lcf76f155ced4ddcb4097134ff3c332f>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A4FF4003DD478F4E93DF0CCE87B88F66" ma:contentTypeVersion="15" ma:contentTypeDescription="Crée un document." ma:contentTypeScope="" ma:versionID="6ac8362e1e0aa4c8cda27bb0aa89abf3">
  <xsd:schema xmlns:xsd="http://www.w3.org/2001/XMLSchema" xmlns:xs="http://www.w3.org/2001/XMLSchema" xmlns:p="http://schemas.microsoft.com/office/2006/metadata/properties" xmlns:ns2="c7a6db3a-ac31-40a8-aa6a-77488049eab0" xmlns:ns3="d92fa0a3-579d-4669-9050-662a871efb14" targetNamespace="http://schemas.microsoft.com/office/2006/metadata/properties" ma:root="true" ma:fieldsID="18cdf1c590c76cc1918f0ba26584ed27" ns2:_="" ns3:_="">
    <xsd:import namespace="c7a6db3a-ac31-40a8-aa6a-77488049eab0"/>
    <xsd:import namespace="d92fa0a3-579d-4669-9050-662a871efb14"/>
    <xsd:element name="properties">
      <xsd:complexType>
        <xsd:sequence>
          <xsd:element name="documentManagement">
            <xsd:complexType>
              <xsd:all>
                <xsd:element ref="ns2:MediaServiceMetadata" minOccurs="0"/>
                <xsd:element ref="ns2:MediaServiceFastMetadata"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DateTaken" minOccurs="0"/>
                <xsd:element ref="ns2:MediaLengthInSeconds" minOccurs="0"/>
                <xsd:element ref="ns2:MediaServiceAutoKeyPoints" minOccurs="0"/>
                <xsd:element ref="ns2:MediaServiceKeyPoints"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7a6db3a-ac31-40a8-aa6a-77488049eab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Tags" ma:index="10" nillable="true" ma:displayName="Tags" ma:internalName="MediaServiceAutoTags" ma:readOnly="true">
      <xsd:simpleType>
        <xsd:restriction base="dms:Text"/>
      </xsd:simpleType>
    </xsd:element>
    <xsd:element name="MediaServiceOCR" ma:index="11" nillable="true" ma:displayName="Extracted Text" ma:internalName="MediaServiceOCR" ma:readOnly="true">
      <xsd:simpleType>
        <xsd:restriction base="dms:Note">
          <xsd:maxLength value="255"/>
        </xsd:restriction>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DateTaken" ma:index="16" nillable="true" ma:displayName="MediaServiceDateTaken" ma:hidden="true" ma:internalName="MediaServiceDateTaken" ma:readOnly="true">
      <xsd:simpleType>
        <xsd:restriction base="dms:Text"/>
      </xsd:simpleType>
    </xsd:element>
    <xsd:element name="MediaLengthInSeconds" ma:index="17" nillable="true" ma:displayName="MediaLengthInSeconds" ma:hidden="true" ma:internalName="MediaLengthInSeconds" ma:readOnly="true">
      <xsd:simpleType>
        <xsd:restriction base="dms:Unknown"/>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element name="lcf76f155ced4ddcb4097134ff3c332f" ma:index="21" nillable="true" ma:taxonomy="true" ma:internalName="lcf76f155ced4ddcb4097134ff3c332f" ma:taxonomyFieldName="MediaServiceImageTags" ma:displayName="Balises d’images" ma:readOnly="false" ma:fieldId="{5cf76f15-5ced-4ddc-b409-7134ff3c332f}" ma:taxonomyMulti="true" ma:sspId="6aad733a-23c6-41fd-b619-764494261b40"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d92fa0a3-579d-4669-9050-662a871efb14" elementFormDefault="qualified">
    <xsd:import namespace="http://schemas.microsoft.com/office/2006/documentManagement/types"/>
    <xsd:import namespace="http://schemas.microsoft.com/office/infopath/2007/PartnerControls"/>
    <xsd:element name="SharedWithUsers" ma:index="14" nillable="true" ma:displayName="Partagé avec"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Partagé avec détails" ma:internalName="SharedWithDetails" ma:readOnly="true">
      <xsd:simpleType>
        <xsd:restriction base="dms:Note">
          <xsd:maxLength value="255"/>
        </xsd:restriction>
      </xsd:simpleType>
    </xsd:element>
    <xsd:element name="TaxCatchAll" ma:index="22" nillable="true" ma:displayName="Taxonomy Catch All Column" ma:hidden="true" ma:list="{0b082e13-a37d-404e-80f3-9b5760d0e064}" ma:internalName="TaxCatchAll" ma:showField="CatchAllData" ma:web="d92fa0a3-579d-4669-9050-662a871efb1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e de contenu"/>
        <xsd:element ref="dc:title" minOccurs="0" maxOccurs="1" ma:index="4" ma:displayName="Titr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1375C1F-966E-429A-BB10-02452BDE6240}">
  <ds:schemaRefs>
    <ds:schemaRef ds:uri="http://schemas.microsoft.com/sharepoint/v3/contenttype/forms"/>
  </ds:schemaRefs>
</ds:datastoreItem>
</file>

<file path=customXml/itemProps2.xml><?xml version="1.0" encoding="utf-8"?>
<ds:datastoreItem xmlns:ds="http://schemas.openxmlformats.org/officeDocument/2006/customXml" ds:itemID="{983CECC5-F006-469D-973C-231154DF1B26}">
  <ds:schemaRefs>
    <ds:schemaRef ds:uri="d92fa0a3-579d-4669-9050-662a871efb14"/>
    <ds:schemaRef ds:uri="http://purl.org/dc/terms/"/>
    <ds:schemaRef ds:uri="http://purl.org/dc/elements/1.1/"/>
    <ds:schemaRef ds:uri="http://schemas.microsoft.com/office/2006/documentManagement/types"/>
    <ds:schemaRef ds:uri="http://schemas.openxmlformats.org/package/2006/metadata/core-properties"/>
    <ds:schemaRef ds:uri="http://schemas.microsoft.com/office/2006/metadata/properties"/>
    <ds:schemaRef ds:uri="c7a6db3a-ac31-40a8-aa6a-77488049eab0"/>
    <ds:schemaRef ds:uri="http://purl.org/dc/dcmitype/"/>
    <ds:schemaRef ds:uri="http://www.w3.org/XML/1998/namespace"/>
    <ds:schemaRef ds:uri="http://schemas.microsoft.com/office/infopath/2007/PartnerControls"/>
  </ds:schemaRefs>
</ds:datastoreItem>
</file>

<file path=customXml/itemProps3.xml><?xml version="1.0" encoding="utf-8"?>
<ds:datastoreItem xmlns:ds="http://schemas.openxmlformats.org/officeDocument/2006/customXml" ds:itemID="{024191FC-6F98-4BB2-B0AE-0C3B7B1EDF89}">
  <ds:schemaRefs>
    <ds:schemaRef ds:uri="c7a6db3a-ac31-40a8-aa6a-77488049eab0"/>
    <ds:schemaRef ds:uri="d92fa0a3-579d-4669-9050-662a871efb14"/>
    <ds:schemaRef ds:uri="http://purl.org/dc/elements/1.1/"/>
    <ds:schemaRef ds:uri="http://purl.org/dc/terms/"/>
    <ds:schemaRef ds:uri="http://schemas.microsoft.com/internal/obd"/>
    <ds:schemaRef ds:uri="http://schemas.microsoft.com/office/2006/documentManagement/types"/>
    <ds:schemaRef ds:uri="http://schemas.microsoft.com/office/2006/metadata/contentType"/>
    <ds:schemaRef ds:uri="http://schemas.microsoft.com/office/2006/metadata/properties"/>
    <ds:schemaRef ds:uri="http://schemas.microsoft.com/office/2006/metadata/properties/metaAttributes"/>
    <ds:schemaRef ds:uri="http://schemas.microsoft.com/office/infopath/2007/PartnerControls"/>
    <ds:schemaRef ds:uri="http://schemas.openxmlformats.org/package/2006/metadata/core-properties"/>
    <ds:schemaRef ds:uri="http://www.w3.org/2001/XMLSchema"/>
  </ds:schemaRefs>
</ds:datastoreItem>
</file>

<file path=docProps/app.xml><?xml version="1.0" encoding="utf-8"?>
<Properties xmlns="http://schemas.openxmlformats.org/officeDocument/2006/extended-properties" xmlns:vt="http://schemas.openxmlformats.org/officeDocument/2006/docPropsVTypes">
  <Template/>
  <TotalTime>2053</TotalTime>
  <Words>731</Words>
  <Application>Microsoft Office PowerPoint</Application>
  <PresentationFormat>Personalizzato</PresentationFormat>
  <Paragraphs>114</Paragraphs>
  <Slides>22</Slides>
  <Notes>21</Notes>
  <HiddenSlides>0</HiddenSlides>
  <MMClips>0</MMClips>
  <ScaleCrop>false</ScaleCrop>
  <HeadingPairs>
    <vt:vector size="6" baseType="variant">
      <vt:variant>
        <vt:lpstr>Caratteri utilizzati</vt:lpstr>
      </vt:variant>
      <vt:variant>
        <vt:i4>8</vt:i4>
      </vt:variant>
      <vt:variant>
        <vt:lpstr>Tema</vt:lpstr>
      </vt:variant>
      <vt:variant>
        <vt:i4>1</vt:i4>
      </vt:variant>
      <vt:variant>
        <vt:lpstr>Titoli diapositive</vt:lpstr>
      </vt:variant>
      <vt:variant>
        <vt:i4>22</vt:i4>
      </vt:variant>
    </vt:vector>
  </HeadingPairs>
  <TitlesOfParts>
    <vt:vector size="31" baseType="lpstr">
      <vt:lpstr>Arial</vt:lpstr>
      <vt:lpstr>Arial Unicode MS</vt:lpstr>
      <vt:lpstr>Brown</vt:lpstr>
      <vt:lpstr>Calibri</vt:lpstr>
      <vt:lpstr>Courier New</vt:lpstr>
      <vt:lpstr>Myriad Pro</vt:lpstr>
      <vt:lpstr>Segoe UI</vt:lpstr>
      <vt:lpstr>Wingdings</vt:lpstr>
      <vt:lpstr>Tema di Office</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lpstr>Presentazione standard di PowerPoint</vt:lpstr>
    </vt:vector>
  </TitlesOfParts>
  <Company>STUDIO NEED</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ésentation PowerPoint</dc:title>
  <dc:creator>jérémy rabier</dc:creator>
  <cp:lastModifiedBy>Gianluca Coletta</cp:lastModifiedBy>
  <cp:revision>20</cp:revision>
  <cp:lastPrinted>2023-12-12T11:57:14Z</cp:lastPrinted>
  <dcterms:created xsi:type="dcterms:W3CDTF">2017-05-10T16:29:07Z</dcterms:created>
  <dcterms:modified xsi:type="dcterms:W3CDTF">2024-03-12T16:43: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4FF4003DD478F4E93DF0CCE87B88F66</vt:lpwstr>
  </property>
  <property fmtid="{D5CDD505-2E9C-101B-9397-08002B2CF9AE}" pid="3" name="AuthorIds_UIVersion_512">
    <vt:lpwstr>19</vt:lpwstr>
  </property>
  <property fmtid="{D5CDD505-2E9C-101B-9397-08002B2CF9AE}" pid="4" name="MediaServiceImageTags">
    <vt:lpwstr/>
  </property>
</Properties>
</file>